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3_年齢別\R5年齢別\05_ホームページ用\"/>
    </mc:Choice>
  </mc:AlternateContent>
  <bookViews>
    <workbookView xWindow="195" yWindow="75" windowWidth="14775" windowHeight="4305" tabRatio="913"/>
  </bookViews>
  <sheets>
    <sheet name="神奈川県" sheetId="70" r:id="rId1"/>
    <sheet name="横浜市" sheetId="19" r:id="rId2"/>
    <sheet name="鶴見区" sheetId="1" r:id="rId3"/>
    <sheet name="神奈川区" sheetId="2" r:id="rId4"/>
    <sheet name="西区" sheetId="3" r:id="rId5"/>
    <sheet name="中区" sheetId="4" r:id="rId6"/>
    <sheet name="南区" sheetId="5" r:id="rId7"/>
    <sheet name="保土ケ谷区" sheetId="6" r:id="rId8"/>
    <sheet name="磯子区" sheetId="7" r:id="rId9"/>
    <sheet name="金沢区" sheetId="8" r:id="rId10"/>
    <sheet name="港北区" sheetId="9" r:id="rId11"/>
    <sheet name="戸塚区" sheetId="10" r:id="rId12"/>
    <sheet name="港南区" sheetId="11" r:id="rId13"/>
    <sheet name="旭区" sheetId="12" r:id="rId14"/>
    <sheet name="緑区" sheetId="13" r:id="rId15"/>
    <sheet name="瀬谷区" sheetId="14" r:id="rId16"/>
    <sheet name="栄区" sheetId="15" r:id="rId17"/>
    <sheet name="泉区" sheetId="16" r:id="rId18"/>
    <sheet name="青葉区" sheetId="17" r:id="rId19"/>
    <sheet name="都筑区" sheetId="18" r:id="rId20"/>
    <sheet name="川崎市" sheetId="27" r:id="rId21"/>
    <sheet name="川崎区" sheetId="20" r:id="rId22"/>
    <sheet name="幸区" sheetId="21" r:id="rId23"/>
    <sheet name="中原区" sheetId="22" r:id="rId24"/>
    <sheet name="高津区" sheetId="23" r:id="rId25"/>
    <sheet name="多摩区" sheetId="24" r:id="rId26"/>
    <sheet name="宮前区" sheetId="25" r:id="rId27"/>
    <sheet name="麻生区" sheetId="26" r:id="rId28"/>
    <sheet name="横須賀三浦" sheetId="64" r:id="rId29"/>
    <sheet name="横須賀市" sheetId="28" r:id="rId30"/>
    <sheet name="鎌倉市" sheetId="29" r:id="rId31"/>
    <sheet name="逗子市" sheetId="30" r:id="rId32"/>
    <sheet name="三浦市" sheetId="31" r:id="rId33"/>
    <sheet name="葉山町" sheetId="32" r:id="rId34"/>
    <sheet name="県央" sheetId="65" r:id="rId35"/>
    <sheet name="相模原市" sheetId="75" r:id="rId36"/>
    <sheet name="緑区(相)" sheetId="73" r:id="rId37"/>
    <sheet name="中央区" sheetId="72" r:id="rId38"/>
    <sheet name="南区(相)" sheetId="76" r:id="rId39"/>
    <sheet name="厚木市" sheetId="34" r:id="rId40"/>
    <sheet name="大和市" sheetId="35" r:id="rId41"/>
    <sheet name="海老名市" sheetId="36" r:id="rId42"/>
    <sheet name="座間市" sheetId="37" r:id="rId43"/>
    <sheet name="綾瀬市" sheetId="38" r:id="rId44"/>
    <sheet name="愛川町" sheetId="39" r:id="rId45"/>
    <sheet name="清川村" sheetId="40" r:id="rId46"/>
    <sheet name="湘南" sheetId="66" r:id="rId47"/>
    <sheet name="平塚市" sheetId="41" r:id="rId48"/>
    <sheet name="藤沢市" sheetId="42" r:id="rId49"/>
    <sheet name="茅ヶ崎市" sheetId="43" r:id="rId50"/>
    <sheet name="秦野市" sheetId="44" r:id="rId51"/>
    <sheet name="伊勢原市" sheetId="45" r:id="rId52"/>
    <sheet name="寒川町" sheetId="46" r:id="rId53"/>
    <sheet name="大磯町" sheetId="47" r:id="rId54"/>
    <sheet name="二宮町" sheetId="48" r:id="rId55"/>
    <sheet name="県西" sheetId="68" r:id="rId56"/>
    <sheet name="小田原市" sheetId="55" r:id="rId57"/>
    <sheet name="南足柄市" sheetId="49" r:id="rId58"/>
    <sheet name="中井町" sheetId="50" r:id="rId59"/>
    <sheet name="大井町" sheetId="51" r:id="rId60"/>
    <sheet name="松田町" sheetId="52" r:id="rId61"/>
    <sheet name="山北町" sheetId="53" r:id="rId62"/>
    <sheet name="開成町" sheetId="54" r:id="rId63"/>
    <sheet name="箱根町" sheetId="56" r:id="rId64"/>
    <sheet name="真鶴町" sheetId="57" r:id="rId65"/>
    <sheet name="湯河原町" sheetId="58" r:id="rId66"/>
  </sheets>
  <definedNames>
    <definedName name="_xlnm._FilterDatabase" localSheetId="0" hidden="1">神奈川県!$A$1:$A$79</definedName>
    <definedName name="_xlnm.Print_Area" localSheetId="44">愛川町!$A$1:$K$66</definedName>
    <definedName name="_xlnm.Print_Area" localSheetId="13">旭区!$A$1:$K$66</definedName>
    <definedName name="_xlnm.Print_Area" localSheetId="43">綾瀬市!$A$1:$K$66</definedName>
    <definedName name="_xlnm.Print_Area" localSheetId="51">伊勢原市!$A$1:$K$66</definedName>
    <definedName name="_xlnm.Print_Area" localSheetId="8">磯子区!$A$1:$K$66</definedName>
    <definedName name="_xlnm.Print_Area" localSheetId="16">栄区!$A$1:$K$66</definedName>
    <definedName name="_xlnm.Print_Area" localSheetId="28">横須賀三浦!$A$1:$K$66</definedName>
    <definedName name="_xlnm.Print_Area" localSheetId="29">横須賀市!$A$1:$K$66</definedName>
    <definedName name="_xlnm.Print_Area" localSheetId="1">横浜市!$A$1:$K$66</definedName>
    <definedName name="_xlnm.Print_Area" localSheetId="41">海老名市!$A$1:$K$66</definedName>
    <definedName name="_xlnm.Print_Area" localSheetId="62">開成町!$A$1:$K$66</definedName>
    <definedName name="_xlnm.Print_Area" localSheetId="30">鎌倉市!$A$1:$K$66</definedName>
    <definedName name="_xlnm.Print_Area" localSheetId="49">茅ヶ崎市!$A$1:$K$66</definedName>
    <definedName name="_xlnm.Print_Area" localSheetId="52">寒川町!$A$1:$K$66</definedName>
    <definedName name="_xlnm.Print_Area" localSheetId="26">宮前区!$A$1:$K$66</definedName>
    <definedName name="_xlnm.Print_Area" localSheetId="9">金沢区!$A$1:$K$66</definedName>
    <definedName name="_xlnm.Print_Area" localSheetId="34">県央!$A$1:$K$66</definedName>
    <definedName name="_xlnm.Print_Area" localSheetId="55">県西!$A$1:$K$66</definedName>
    <definedName name="_xlnm.Print_Area" localSheetId="11">戸塚区!$A$1:$K$66</definedName>
    <definedName name="_xlnm.Print_Area" localSheetId="39">厚木市!$A$1:$K$66</definedName>
    <definedName name="_xlnm.Print_Area" localSheetId="22">幸区!$A$1:$K$66</definedName>
    <definedName name="_xlnm.Print_Area" localSheetId="12">港南区!$A$1:$K$66</definedName>
    <definedName name="_xlnm.Print_Area" localSheetId="10">港北区!$A$1:$K$66</definedName>
    <definedName name="_xlnm.Print_Area" localSheetId="24">高津区!$A$1:$K$66</definedName>
    <definedName name="_xlnm.Print_Area" localSheetId="42">座間市!$A$1:$K$66</definedName>
    <definedName name="_xlnm.Print_Area" localSheetId="32">三浦市!$A$1:$K$66</definedName>
    <definedName name="_xlnm.Print_Area" localSheetId="61">山北町!$A$1:$K$66</definedName>
    <definedName name="_xlnm.Print_Area" localSheetId="56">小田原市!$A$1:$K$66</definedName>
    <definedName name="_xlnm.Print_Area" localSheetId="60">松田町!$A$1:$K$66</definedName>
    <definedName name="_xlnm.Print_Area" localSheetId="46">湘南!$A$1:$K$66</definedName>
    <definedName name="_xlnm.Print_Area" localSheetId="64">真鶴町!$A$1:$K$66</definedName>
    <definedName name="_xlnm.Print_Area" localSheetId="3">神奈川区!$A$1:$K$66</definedName>
    <definedName name="_xlnm.Print_Area" localSheetId="0">神奈川県!$A$1:$K$66</definedName>
    <definedName name="_xlnm.Print_Area" localSheetId="50">秦野市!$A$1:$K$66</definedName>
    <definedName name="_xlnm.Print_Area" localSheetId="31">逗子市!$A$1:$K$66</definedName>
    <definedName name="_xlnm.Print_Area" localSheetId="15">瀬谷区!$A$1:$K$66</definedName>
    <definedName name="_xlnm.Print_Area" localSheetId="45">清川村!$A$1:$K$66</definedName>
    <definedName name="_xlnm.Print_Area" localSheetId="4">西区!$A$1:$K$66</definedName>
    <definedName name="_xlnm.Print_Area" localSheetId="18">青葉区!$A$1:$K$66</definedName>
    <definedName name="_xlnm.Print_Area" localSheetId="21">川崎区!$A$1:$K$66</definedName>
    <definedName name="_xlnm.Print_Area" localSheetId="20">川崎市!$A$1:$K$66</definedName>
    <definedName name="_xlnm.Print_Area" localSheetId="17">泉区!$A$1:$K$66</definedName>
    <definedName name="_xlnm.Print_Area" localSheetId="35">相模原市!$A$1:$K$66</definedName>
    <definedName name="_xlnm.Print_Area" localSheetId="25">多摩区!$A$1:$K$66</definedName>
    <definedName name="_xlnm.Print_Area" localSheetId="59">大井町!$A$1:$K$66</definedName>
    <definedName name="_xlnm.Print_Area" localSheetId="53">大磯町!$A$1:$K$66</definedName>
    <definedName name="_xlnm.Print_Area" localSheetId="40">大和市!$A$1:$K$66</definedName>
    <definedName name="_xlnm.Print_Area" localSheetId="58">中井町!$A$1:$K$66</definedName>
    <definedName name="_xlnm.Print_Area" localSheetId="37">中央区!$A$1:$K$66</definedName>
    <definedName name="_xlnm.Print_Area" localSheetId="5">中区!$A$1:$K$66</definedName>
    <definedName name="_xlnm.Print_Area" localSheetId="23">中原区!$A$1:$K$66</definedName>
    <definedName name="_xlnm.Print_Area" localSheetId="2">鶴見区!$A$1:$K$66</definedName>
    <definedName name="_xlnm.Print_Area" localSheetId="19">都筑区!$A$1:$K$66</definedName>
    <definedName name="_xlnm.Print_Area" localSheetId="65">湯河原町!$A$1:$K$66</definedName>
    <definedName name="_xlnm.Print_Area" localSheetId="48">藤沢市!$A$1:$K$66</definedName>
    <definedName name="_xlnm.Print_Area" localSheetId="6">南区!$A$1:$K$66</definedName>
    <definedName name="_xlnm.Print_Area" localSheetId="38">'南区(相)'!$A$1:$K$66</definedName>
    <definedName name="_xlnm.Print_Area" localSheetId="57">南足柄市!$A$1:$K$66</definedName>
    <definedName name="_xlnm.Print_Area" localSheetId="54">二宮町!$A$1:$K$66</definedName>
    <definedName name="_xlnm.Print_Area" localSheetId="63">箱根町!$A$1:$K$66</definedName>
    <definedName name="_xlnm.Print_Area" localSheetId="47">平塚市!$A$1:$K$66</definedName>
    <definedName name="_xlnm.Print_Area" localSheetId="7">保土ケ谷区!$A$1:$K$66</definedName>
    <definedName name="_xlnm.Print_Area" localSheetId="27">麻生区!$A$1:$K$66</definedName>
    <definedName name="_xlnm.Print_Area" localSheetId="33">葉山町!$A$1:$K$66</definedName>
    <definedName name="_xlnm.Print_Area" localSheetId="14">緑区!$A$1:$K$66</definedName>
    <definedName name="_xlnm.Print_Area" localSheetId="36">'緑区(相)'!$A$1:$K$66</definedName>
  </definedNames>
  <calcPr calcId="162913"/>
</workbook>
</file>

<file path=xl/sharedStrings.xml><?xml version="1.0" encoding="utf-8"?>
<sst xmlns="http://schemas.openxmlformats.org/spreadsheetml/2006/main" count="8844" uniqueCount="194">
  <si>
    <t>第１表　年齢(各歳・５歳階級)別、男女別人口</t>
  </si>
  <si>
    <t>年　齢</t>
  </si>
  <si>
    <t>総　数</t>
  </si>
  <si>
    <t>男</t>
  </si>
  <si>
    <t>女</t>
  </si>
  <si>
    <t>0～4</t>
  </si>
  <si>
    <t>50～54</t>
  </si>
  <si>
    <t>0</t>
  </si>
  <si>
    <t>50</t>
  </si>
  <si>
    <t>1</t>
  </si>
  <si>
    <t>51</t>
  </si>
  <si>
    <t>2</t>
  </si>
  <si>
    <t>52</t>
  </si>
  <si>
    <t>3</t>
  </si>
  <si>
    <t>53</t>
  </si>
  <si>
    <t>4</t>
  </si>
  <si>
    <t>54</t>
  </si>
  <si>
    <t>5～9</t>
  </si>
  <si>
    <t>55～59</t>
  </si>
  <si>
    <t>5</t>
  </si>
  <si>
    <t>55</t>
  </si>
  <si>
    <t>6</t>
  </si>
  <si>
    <t>56</t>
  </si>
  <si>
    <t>7</t>
  </si>
  <si>
    <t>57</t>
  </si>
  <si>
    <t>8</t>
  </si>
  <si>
    <t>58</t>
  </si>
  <si>
    <t>9</t>
  </si>
  <si>
    <t>59</t>
  </si>
  <si>
    <t>10～14</t>
  </si>
  <si>
    <t>60～64</t>
  </si>
  <si>
    <t>10</t>
  </si>
  <si>
    <t>60</t>
  </si>
  <si>
    <t>11</t>
  </si>
  <si>
    <t>61</t>
  </si>
  <si>
    <t>12</t>
  </si>
  <si>
    <t>62</t>
  </si>
  <si>
    <t>13</t>
  </si>
  <si>
    <t>63</t>
  </si>
  <si>
    <t>14</t>
  </si>
  <si>
    <t>64</t>
  </si>
  <si>
    <t>15～19</t>
  </si>
  <si>
    <t>65～69</t>
  </si>
  <si>
    <t>15</t>
  </si>
  <si>
    <t>65</t>
  </si>
  <si>
    <t>16</t>
  </si>
  <si>
    <t>66</t>
  </si>
  <si>
    <t>17</t>
  </si>
  <si>
    <t>67</t>
  </si>
  <si>
    <t>18</t>
  </si>
  <si>
    <t>68</t>
  </si>
  <si>
    <t>19</t>
  </si>
  <si>
    <t>69</t>
  </si>
  <si>
    <t>20～24</t>
  </si>
  <si>
    <t>70～74</t>
  </si>
  <si>
    <t>20</t>
  </si>
  <si>
    <t>70</t>
  </si>
  <si>
    <t>21</t>
  </si>
  <si>
    <t>71</t>
  </si>
  <si>
    <t>22</t>
  </si>
  <si>
    <t>72</t>
  </si>
  <si>
    <t>23</t>
  </si>
  <si>
    <t>73</t>
  </si>
  <si>
    <t>24</t>
  </si>
  <si>
    <t>74</t>
  </si>
  <si>
    <t>25～29</t>
  </si>
  <si>
    <t>75～79</t>
  </si>
  <si>
    <t>25</t>
  </si>
  <si>
    <t>75</t>
  </si>
  <si>
    <t>26</t>
  </si>
  <si>
    <t>76</t>
  </si>
  <si>
    <t>27</t>
  </si>
  <si>
    <t>77</t>
  </si>
  <si>
    <t>28</t>
  </si>
  <si>
    <t>78</t>
  </si>
  <si>
    <t>29</t>
  </si>
  <si>
    <t>79</t>
  </si>
  <si>
    <t>30～34</t>
  </si>
  <si>
    <t>80～84</t>
  </si>
  <si>
    <t>30</t>
  </si>
  <si>
    <t>80</t>
  </si>
  <si>
    <t>31</t>
  </si>
  <si>
    <t>81</t>
  </si>
  <si>
    <t>32</t>
  </si>
  <si>
    <t>82</t>
  </si>
  <si>
    <t>33</t>
  </si>
  <si>
    <t>83</t>
  </si>
  <si>
    <t>34</t>
  </si>
  <si>
    <t>84</t>
  </si>
  <si>
    <t>35～39</t>
  </si>
  <si>
    <t>85～89</t>
  </si>
  <si>
    <t>35</t>
  </si>
  <si>
    <t>85</t>
  </si>
  <si>
    <t>36</t>
  </si>
  <si>
    <t>86</t>
  </si>
  <si>
    <t>37</t>
  </si>
  <si>
    <t>87</t>
  </si>
  <si>
    <t>38</t>
  </si>
  <si>
    <t>88</t>
  </si>
  <si>
    <t>39</t>
  </si>
  <si>
    <t>89</t>
  </si>
  <si>
    <t>40～44</t>
  </si>
  <si>
    <t>90～94</t>
  </si>
  <si>
    <t>40</t>
  </si>
  <si>
    <t>90</t>
  </si>
  <si>
    <t>41</t>
  </si>
  <si>
    <t>91</t>
  </si>
  <si>
    <t>42</t>
  </si>
  <si>
    <t>92</t>
  </si>
  <si>
    <t>43</t>
  </si>
  <si>
    <t>93</t>
  </si>
  <si>
    <t>44</t>
  </si>
  <si>
    <t>94</t>
  </si>
  <si>
    <t>45～49</t>
  </si>
  <si>
    <t>95～99</t>
  </si>
  <si>
    <t>45</t>
  </si>
  <si>
    <t>95</t>
  </si>
  <si>
    <t>46</t>
  </si>
  <si>
    <t>96</t>
  </si>
  <si>
    <t>47</t>
  </si>
  <si>
    <t>97</t>
  </si>
  <si>
    <t>48</t>
  </si>
  <si>
    <t>98</t>
  </si>
  <si>
    <t>49</t>
  </si>
  <si>
    <t>99</t>
  </si>
  <si>
    <t>100以上</t>
  </si>
  <si>
    <t>年齢不詳</t>
  </si>
  <si>
    <t>横 浜 市</t>
  </si>
  <si>
    <t>川 崎 市</t>
  </si>
  <si>
    <t>横須賀市</t>
  </si>
  <si>
    <t>鎌 倉 市</t>
  </si>
  <si>
    <t>逗 子 市</t>
  </si>
  <si>
    <t>三 浦 市</t>
  </si>
  <si>
    <t>葉 山 町</t>
  </si>
  <si>
    <t>厚 木 市</t>
  </si>
  <si>
    <t>大 和 市</t>
  </si>
  <si>
    <t>海老名市</t>
  </si>
  <si>
    <t>座 間 市</t>
  </si>
  <si>
    <t>綾 瀬 市</t>
  </si>
  <si>
    <t>愛 川 町</t>
  </si>
  <si>
    <t>清 川 村</t>
  </si>
  <si>
    <t>平 塚 市</t>
  </si>
  <si>
    <t>藤 沢 市</t>
  </si>
  <si>
    <t>茅ヶ崎市</t>
  </si>
  <si>
    <t>秦 野 市</t>
  </si>
  <si>
    <t>伊勢原市</t>
  </si>
  <si>
    <t>寒 川 町</t>
  </si>
  <si>
    <t>大 磯 町</t>
  </si>
  <si>
    <t>二 宮 町</t>
  </si>
  <si>
    <t>南足柄市</t>
  </si>
  <si>
    <t>中 井 町</t>
  </si>
  <si>
    <t>松 田 町</t>
  </si>
  <si>
    <t>山 北 町</t>
  </si>
  <si>
    <t>開 成 町</t>
  </si>
  <si>
    <t>小田原市</t>
  </si>
  <si>
    <t>箱 根 町</t>
  </si>
  <si>
    <t>真 鶴 町</t>
  </si>
  <si>
    <t>湯河原町</t>
  </si>
  <si>
    <t>神奈川県</t>
  </si>
  <si>
    <t>大 井 町</t>
    <phoneticPr fontId="2"/>
  </si>
  <si>
    <t>相模原市</t>
    <rPh sb="0" eb="1">
      <t>ソウ</t>
    </rPh>
    <rPh sb="1" eb="2">
      <t>ボ</t>
    </rPh>
    <rPh sb="2" eb="3">
      <t>ハラ</t>
    </rPh>
    <rPh sb="3" eb="4">
      <t>シ</t>
    </rPh>
    <phoneticPr fontId="2"/>
  </si>
  <si>
    <t>横浜市　鶴見区</t>
    <rPh sb="0" eb="3">
      <t>ヨコハマシ</t>
    </rPh>
    <phoneticPr fontId="2"/>
  </si>
  <si>
    <t>横浜市　神奈川区</t>
    <phoneticPr fontId="2"/>
  </si>
  <si>
    <t>横浜市　西区</t>
    <phoneticPr fontId="2"/>
  </si>
  <si>
    <t>横浜市　中区</t>
    <phoneticPr fontId="2"/>
  </si>
  <si>
    <t>横浜市　南区</t>
    <phoneticPr fontId="2"/>
  </si>
  <si>
    <t>横浜市　磯子区</t>
    <phoneticPr fontId="2"/>
  </si>
  <si>
    <t>横浜市　金沢区</t>
    <phoneticPr fontId="2"/>
  </si>
  <si>
    <t>横浜市　港北区</t>
    <phoneticPr fontId="2"/>
  </si>
  <si>
    <t>横浜市　戸塚区</t>
    <phoneticPr fontId="2"/>
  </si>
  <si>
    <t>横浜市　港南区</t>
    <phoneticPr fontId="2"/>
  </si>
  <si>
    <t>横浜市　旭区</t>
    <phoneticPr fontId="2"/>
  </si>
  <si>
    <t>横浜市　緑区</t>
    <phoneticPr fontId="2"/>
  </si>
  <si>
    <t>横浜市　瀬谷区</t>
    <phoneticPr fontId="2"/>
  </si>
  <si>
    <t>横浜市　栄区</t>
    <phoneticPr fontId="2"/>
  </si>
  <si>
    <t>横浜市　泉区</t>
    <phoneticPr fontId="2"/>
  </si>
  <si>
    <t>横浜市　青葉区</t>
    <phoneticPr fontId="2"/>
  </si>
  <si>
    <t>横浜市　都筑区</t>
    <phoneticPr fontId="2"/>
  </si>
  <si>
    <t>川崎市　川崎区</t>
    <rPh sb="0" eb="3">
      <t>カワサキシ</t>
    </rPh>
    <phoneticPr fontId="2"/>
  </si>
  <si>
    <t>川崎市　幸区</t>
    <phoneticPr fontId="2"/>
  </si>
  <si>
    <t>川崎市　中原区</t>
    <phoneticPr fontId="2"/>
  </si>
  <si>
    <t>川崎市　高津区</t>
    <phoneticPr fontId="2"/>
  </si>
  <si>
    <t>川崎市　多摩区</t>
    <phoneticPr fontId="2"/>
  </si>
  <si>
    <t>川崎市　宮前区</t>
    <phoneticPr fontId="2"/>
  </si>
  <si>
    <t>川崎市　麻生区</t>
    <phoneticPr fontId="2"/>
  </si>
  <si>
    <t>相模原市　緑区</t>
    <rPh sb="0" eb="4">
      <t>サガミハラシ</t>
    </rPh>
    <rPh sb="5" eb="7">
      <t>ミドリク</t>
    </rPh>
    <phoneticPr fontId="2"/>
  </si>
  <si>
    <t>相模原市　中央区</t>
    <rPh sb="5" eb="8">
      <t>チュウオウク</t>
    </rPh>
    <phoneticPr fontId="2"/>
  </si>
  <si>
    <t>相模原市　南区</t>
    <phoneticPr fontId="2"/>
  </si>
  <si>
    <t>横浜市　保土ケ谷区</t>
    <rPh sb="4" eb="8">
      <t>ホドガヤ</t>
    </rPh>
    <rPh sb="8" eb="9">
      <t>ク</t>
    </rPh>
    <phoneticPr fontId="2"/>
  </si>
  <si>
    <t>県央地域</t>
    <rPh sb="2" eb="4">
      <t>チイキ</t>
    </rPh>
    <phoneticPr fontId="2"/>
  </si>
  <si>
    <t>横須賀三浦地域</t>
    <rPh sb="5" eb="7">
      <t>チイキ</t>
    </rPh>
    <phoneticPr fontId="2"/>
  </si>
  <si>
    <t>湘南地域</t>
    <rPh sb="2" eb="4">
      <t>チイキ</t>
    </rPh>
    <phoneticPr fontId="2"/>
  </si>
  <si>
    <t>県西地域</t>
    <rPh sb="0" eb="1">
      <t>ケン</t>
    </rPh>
    <rPh sb="2" eb="4">
      <t>チイキ</t>
    </rPh>
    <phoneticPr fontId="2"/>
  </si>
  <si>
    <t>(単位：人）令和5年1月1日現在</t>
    <rPh sb="1" eb="3">
      <t>タンイ</t>
    </rPh>
    <rPh sb="4" eb="5">
      <t>ニン</t>
    </rPh>
    <rPh sb="6" eb="8">
      <t>レイ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>
    <font>
      <sz val="11"/>
      <name val="明朝"/>
      <family val="1"/>
      <charset val="128"/>
    </font>
    <font>
      <sz val="11"/>
      <name val="明朝"/>
      <family val="1"/>
      <charset val="128"/>
    </font>
    <font>
      <sz val="6"/>
      <name val="ＭＳ Ｐ明朝"/>
      <family val="1"/>
      <charset val="128"/>
    </font>
    <font>
      <sz val="18"/>
      <name val="ＭＳ Ｐ明朝"/>
      <family val="1"/>
      <charset val="128"/>
    </font>
    <font>
      <sz val="11"/>
      <name val="ＭＳ Ｐ明朝"/>
      <family val="1"/>
      <charset val="128"/>
    </font>
    <font>
      <sz val="14"/>
      <name val="ＭＳ Ｐ明朝"/>
      <family val="1"/>
      <charset val="128"/>
    </font>
    <font>
      <sz val="12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double">
        <color indexed="64"/>
      </left>
      <right/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4" fillId="0" borderId="0" xfId="0" quotePrefix="1" applyFont="1" applyFill="1" applyBorder="1" applyAlignment="1">
      <alignment horizontal="center"/>
    </xf>
    <xf numFmtId="0" fontId="4" fillId="0" borderId="0" xfId="0" applyFont="1" applyFill="1" applyBorder="1" applyAlignment="1">
      <alignment horizontal="center"/>
    </xf>
    <xf numFmtId="0" fontId="3" fillId="0" borderId="0" xfId="0" applyFont="1" applyFill="1" applyAlignment="1">
      <alignment horizontal="centerContinuous"/>
    </xf>
    <xf numFmtId="0" fontId="3" fillId="0" borderId="0" xfId="0" quotePrefix="1" applyFont="1" applyFill="1" applyAlignment="1">
      <alignment horizontal="centerContinuous"/>
    </xf>
    <xf numFmtId="0" fontId="4" fillId="0" borderId="0" xfId="0" applyFont="1" applyFill="1" applyAlignment="1">
      <alignment horizontal="centerContinuous"/>
    </xf>
    <xf numFmtId="0" fontId="4" fillId="0" borderId="0" xfId="0" applyFont="1" applyFill="1"/>
    <xf numFmtId="0" fontId="5" fillId="0" borderId="1" xfId="0" quotePrefix="1" applyFont="1" applyFill="1" applyBorder="1" applyAlignment="1">
      <alignment horizontal="left"/>
    </xf>
    <xf numFmtId="0" fontId="5" fillId="0" borderId="1" xfId="0" applyFont="1" applyFill="1" applyBorder="1" applyAlignment="1">
      <alignment horizontal="left"/>
    </xf>
    <xf numFmtId="0" fontId="4" fillId="0" borderId="1" xfId="0" quotePrefix="1" applyFont="1" applyFill="1" applyBorder="1" applyAlignment="1">
      <alignment horizontal="left"/>
    </xf>
    <xf numFmtId="0" fontId="4" fillId="0" borderId="1" xfId="0" applyFont="1" applyFill="1" applyBorder="1"/>
    <xf numFmtId="0" fontId="6" fillId="0" borderId="1" xfId="0" applyFont="1" applyFill="1" applyBorder="1" applyAlignment="1">
      <alignment horizontal="right"/>
    </xf>
    <xf numFmtId="0" fontId="4" fillId="0" borderId="1" xfId="0" applyFont="1" applyFill="1" applyBorder="1" applyAlignment="1">
      <alignment horizontal="right"/>
    </xf>
    <xf numFmtId="0" fontId="4" fillId="0" borderId="1" xfId="0" quotePrefix="1" applyFont="1" applyFill="1" applyBorder="1" applyAlignment="1">
      <alignment horizontal="center"/>
    </xf>
    <xf numFmtId="0" fontId="4" fillId="0" borderId="2" xfId="0" quotePrefix="1" applyFont="1" applyFill="1" applyBorder="1" applyAlignment="1">
      <alignment horizontal="center"/>
    </xf>
    <xf numFmtId="0" fontId="4" fillId="0" borderId="3" xfId="0" quotePrefix="1" applyFont="1" applyFill="1" applyBorder="1" applyAlignment="1">
      <alignment horizontal="center"/>
    </xf>
    <xf numFmtId="3" fontId="4" fillId="0" borderId="4" xfId="0" quotePrefix="1" applyNumberFormat="1" applyFont="1" applyFill="1" applyBorder="1" applyAlignment="1">
      <alignment horizontal="right"/>
    </xf>
    <xf numFmtId="3" fontId="4" fillId="0" borderId="0" xfId="0" quotePrefix="1" applyNumberFormat="1" applyFont="1" applyFill="1" applyBorder="1" applyAlignment="1">
      <alignment horizontal="right"/>
    </xf>
    <xf numFmtId="0" fontId="4" fillId="0" borderId="5" xfId="0" quotePrefix="1" applyFont="1" applyFill="1" applyBorder="1" applyAlignment="1">
      <alignment horizontal="center"/>
    </xf>
    <xf numFmtId="0" fontId="4" fillId="0" borderId="4" xfId="0" quotePrefix="1" applyFont="1" applyFill="1" applyBorder="1" applyAlignment="1">
      <alignment horizontal="center"/>
    </xf>
    <xf numFmtId="0" fontId="4" fillId="0" borderId="0" xfId="0" quotePrefix="1" applyFont="1" applyFill="1" applyBorder="1" applyAlignment="1">
      <alignment horizontal="right"/>
    </xf>
    <xf numFmtId="0" fontId="4" fillId="0" borderId="5" xfId="0" quotePrefix="1" applyFont="1" applyFill="1" applyBorder="1" applyAlignment="1">
      <alignment horizontal="right"/>
    </xf>
    <xf numFmtId="3" fontId="4" fillId="0" borderId="0" xfId="0" applyNumberFormat="1" applyFont="1" applyFill="1" applyBorder="1"/>
    <xf numFmtId="38" fontId="4" fillId="0" borderId="0" xfId="1" applyFont="1" applyFill="1" applyBorder="1"/>
    <xf numFmtId="56" fontId="4" fillId="0" borderId="0" xfId="0" quotePrefix="1" applyNumberFormat="1" applyFont="1" applyFill="1" applyBorder="1" applyAlignment="1">
      <alignment horizontal="right"/>
    </xf>
    <xf numFmtId="2" fontId="4" fillId="0" borderId="0" xfId="0" applyNumberFormat="1" applyFont="1" applyFill="1" applyBorder="1"/>
    <xf numFmtId="0" fontId="4" fillId="0" borderId="0" xfId="0" applyFont="1" applyFill="1" applyBorder="1"/>
    <xf numFmtId="0" fontId="4" fillId="0" borderId="4" xfId="0" applyFont="1" applyFill="1" applyBorder="1"/>
    <xf numFmtId="0" fontId="4" fillId="0" borderId="2" xfId="0" applyFont="1" applyFill="1" applyBorder="1"/>
    <xf numFmtId="0" fontId="4" fillId="0" borderId="3" xfId="0" quotePrefix="1" applyFont="1" applyFill="1" applyBorder="1" applyAlignment="1">
      <alignment horizontal="right"/>
    </xf>
    <xf numFmtId="0" fontId="4" fillId="0" borderId="1" xfId="0" quotePrefix="1" applyFont="1" applyFill="1" applyBorder="1" applyAlignment="1">
      <alignment horizontal="right"/>
    </xf>
    <xf numFmtId="3" fontId="4" fillId="0" borderId="2" xfId="0" quotePrefix="1" applyNumberFormat="1" applyFont="1" applyFill="1" applyBorder="1" applyAlignment="1">
      <alignment horizontal="right"/>
    </xf>
    <xf numFmtId="3" fontId="4" fillId="0" borderId="1" xfId="0" applyNumberFormat="1" applyFont="1" applyFill="1" applyBorder="1"/>
    <xf numFmtId="0" fontId="5" fillId="0" borderId="1" xfId="0" applyFont="1" applyFill="1" applyBorder="1"/>
    <xf numFmtId="0" fontId="4" fillId="0" borderId="2" xfId="0" applyFont="1" applyFill="1" applyBorder="1" applyAlignment="1">
      <alignment horizontal="center"/>
    </xf>
    <xf numFmtId="0" fontId="4" fillId="0" borderId="1" xfId="0" applyFont="1" applyFill="1" applyBorder="1" applyAlignment="1">
      <alignment horizontal="center"/>
    </xf>
    <xf numFmtId="3" fontId="4" fillId="0" borderId="4" xfId="0" applyNumberFormat="1" applyFont="1" applyFill="1" applyBorder="1" applyAlignment="1">
      <alignment horizontal="right"/>
    </xf>
    <xf numFmtId="3" fontId="4" fillId="0" borderId="0" xfId="0" applyNumberFormat="1" applyFont="1" applyFill="1" applyBorder="1" applyAlignment="1">
      <alignment horizontal="right"/>
    </xf>
    <xf numFmtId="0" fontId="4" fillId="0" borderId="4" xfId="0" applyFont="1" applyFill="1" applyBorder="1" applyAlignment="1">
      <alignment horizontal="center"/>
    </xf>
    <xf numFmtId="0" fontId="4" fillId="0" borderId="5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/>
    </xf>
    <xf numFmtId="3" fontId="4" fillId="0" borderId="2" xfId="0" applyNumberFormat="1" applyFont="1" applyFill="1" applyBorder="1" applyAlignment="1">
      <alignment horizontal="right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theme" Target="theme/theme1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0">
    <tabColor rgb="FFFFC000"/>
    <pageSetUpPr fitToPage="1"/>
  </sheetPr>
  <dimension ref="A1:K79"/>
  <sheetViews>
    <sheetView tabSelected="1"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58</v>
      </c>
      <c r="B2" s="8"/>
      <c r="C2" s="9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9227901</v>
      </c>
      <c r="D4" s="17">
        <v>4574834</v>
      </c>
      <c r="E4" s="17">
        <v>4653067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310632</v>
      </c>
      <c r="D5" s="17">
        <v>158924</v>
      </c>
      <c r="E5" s="17">
        <v>151708</v>
      </c>
      <c r="F5" s="17"/>
      <c r="G5" s="21" t="s">
        <v>6</v>
      </c>
      <c r="H5" s="20"/>
      <c r="I5" s="16">
        <v>764162</v>
      </c>
      <c r="J5" s="17">
        <v>390330</v>
      </c>
      <c r="K5" s="17">
        <v>373832</v>
      </c>
    </row>
    <row r="6" spans="1:11" ht="15" customHeight="1">
      <c r="A6" s="20" t="s">
        <v>7</v>
      </c>
      <c r="B6" s="20"/>
      <c r="C6" s="16">
        <v>58580</v>
      </c>
      <c r="D6" s="22">
        <v>29775</v>
      </c>
      <c r="E6" s="22">
        <v>28805</v>
      </c>
      <c r="F6" s="22"/>
      <c r="G6" s="21" t="s">
        <v>8</v>
      </c>
      <c r="H6" s="20"/>
      <c r="I6" s="16">
        <v>157454</v>
      </c>
      <c r="J6" s="22">
        <v>79701</v>
      </c>
      <c r="K6" s="22">
        <v>77753</v>
      </c>
    </row>
    <row r="7" spans="1:11" ht="15" customHeight="1">
      <c r="A7" s="20" t="s">
        <v>9</v>
      </c>
      <c r="B7" s="20"/>
      <c r="C7" s="16">
        <v>61193</v>
      </c>
      <c r="D7" s="22">
        <v>31378</v>
      </c>
      <c r="E7" s="22">
        <v>29815</v>
      </c>
      <c r="F7" s="22"/>
      <c r="G7" s="21" t="s">
        <v>10</v>
      </c>
      <c r="H7" s="20"/>
      <c r="I7" s="16">
        <v>156015</v>
      </c>
      <c r="J7" s="22">
        <v>79086</v>
      </c>
      <c r="K7" s="22">
        <v>76929</v>
      </c>
    </row>
    <row r="8" spans="1:11" ht="15" customHeight="1">
      <c r="A8" s="20" t="s">
        <v>11</v>
      </c>
      <c r="B8" s="20"/>
      <c r="C8" s="16">
        <v>61023</v>
      </c>
      <c r="D8" s="22">
        <v>31251</v>
      </c>
      <c r="E8" s="22">
        <v>29772</v>
      </c>
      <c r="F8" s="22"/>
      <c r="G8" s="21" t="s">
        <v>12</v>
      </c>
      <c r="H8" s="20"/>
      <c r="I8" s="16">
        <v>154032</v>
      </c>
      <c r="J8" s="22">
        <v>78781</v>
      </c>
      <c r="K8" s="22">
        <v>75251</v>
      </c>
    </row>
    <row r="9" spans="1:11" ht="15" customHeight="1">
      <c r="A9" s="20" t="s">
        <v>13</v>
      </c>
      <c r="B9" s="20"/>
      <c r="C9" s="16">
        <v>63662</v>
      </c>
      <c r="D9" s="22">
        <v>32702</v>
      </c>
      <c r="E9" s="22">
        <v>30960</v>
      </c>
      <c r="F9" s="22"/>
      <c r="G9" s="21" t="s">
        <v>14</v>
      </c>
      <c r="H9" s="20"/>
      <c r="I9" s="16">
        <v>149578</v>
      </c>
      <c r="J9" s="22">
        <v>76803</v>
      </c>
      <c r="K9" s="22">
        <v>72775</v>
      </c>
    </row>
    <row r="10" spans="1:11" ht="15" customHeight="1">
      <c r="A10" s="20" t="s">
        <v>15</v>
      </c>
      <c r="B10" s="20"/>
      <c r="C10" s="16">
        <v>66174</v>
      </c>
      <c r="D10" s="22">
        <v>33818</v>
      </c>
      <c r="E10" s="22">
        <v>32356</v>
      </c>
      <c r="F10" s="22"/>
      <c r="G10" s="21" t="s">
        <v>16</v>
      </c>
      <c r="H10" s="20"/>
      <c r="I10" s="16">
        <v>147083</v>
      </c>
      <c r="J10" s="22">
        <v>75959</v>
      </c>
      <c r="K10" s="22">
        <v>71124</v>
      </c>
    </row>
    <row r="11" spans="1:11" ht="20.100000000000001" customHeight="1">
      <c r="A11" s="20" t="s">
        <v>17</v>
      </c>
      <c r="B11" s="20"/>
      <c r="C11" s="16">
        <v>355954</v>
      </c>
      <c r="D11" s="17">
        <v>182444</v>
      </c>
      <c r="E11" s="17">
        <v>173510</v>
      </c>
      <c r="F11" s="17"/>
      <c r="G11" s="21" t="s">
        <v>18</v>
      </c>
      <c r="H11" s="20"/>
      <c r="I11" s="16">
        <v>639903</v>
      </c>
      <c r="J11" s="17">
        <v>330978</v>
      </c>
      <c r="K11" s="17">
        <v>308925</v>
      </c>
    </row>
    <row r="12" spans="1:11" ht="15" customHeight="1">
      <c r="A12" s="20" t="s">
        <v>19</v>
      </c>
      <c r="B12" s="20"/>
      <c r="C12" s="16">
        <v>67512</v>
      </c>
      <c r="D12" s="22">
        <v>34511</v>
      </c>
      <c r="E12" s="22">
        <v>33001</v>
      </c>
      <c r="F12" s="22"/>
      <c r="G12" s="21" t="s">
        <v>20</v>
      </c>
      <c r="H12" s="20"/>
      <c r="I12" s="16">
        <v>150932</v>
      </c>
      <c r="J12" s="22">
        <v>77990</v>
      </c>
      <c r="K12" s="22">
        <v>72942</v>
      </c>
    </row>
    <row r="13" spans="1:11" ht="15" customHeight="1">
      <c r="A13" s="20" t="s">
        <v>21</v>
      </c>
      <c r="B13" s="20"/>
      <c r="C13" s="16">
        <v>70133</v>
      </c>
      <c r="D13" s="22">
        <v>35873</v>
      </c>
      <c r="E13" s="22">
        <v>34260</v>
      </c>
      <c r="F13" s="22"/>
      <c r="G13" s="21" t="s">
        <v>22</v>
      </c>
      <c r="H13" s="20"/>
      <c r="I13" s="16">
        <v>107909</v>
      </c>
      <c r="J13" s="22">
        <v>55765</v>
      </c>
      <c r="K13" s="22">
        <v>52144</v>
      </c>
    </row>
    <row r="14" spans="1:11" ht="15" customHeight="1">
      <c r="A14" s="20" t="s">
        <v>23</v>
      </c>
      <c r="B14" s="20"/>
      <c r="C14" s="16">
        <v>72537</v>
      </c>
      <c r="D14" s="22">
        <v>37166</v>
      </c>
      <c r="E14" s="22">
        <v>35371</v>
      </c>
      <c r="F14" s="22"/>
      <c r="G14" s="21" t="s">
        <v>24</v>
      </c>
      <c r="H14" s="20"/>
      <c r="I14" s="16">
        <v>137607</v>
      </c>
      <c r="J14" s="22">
        <v>71284</v>
      </c>
      <c r="K14" s="22">
        <v>66323</v>
      </c>
    </row>
    <row r="15" spans="1:11" ht="15" customHeight="1">
      <c r="A15" s="20" t="s">
        <v>25</v>
      </c>
      <c r="B15" s="20"/>
      <c r="C15" s="16">
        <v>72177</v>
      </c>
      <c r="D15" s="22">
        <v>37054</v>
      </c>
      <c r="E15" s="22">
        <v>35123</v>
      </c>
      <c r="F15" s="22"/>
      <c r="G15" s="21" t="s">
        <v>26</v>
      </c>
      <c r="H15" s="20"/>
      <c r="I15" s="16">
        <v>125183</v>
      </c>
      <c r="J15" s="22">
        <v>64717</v>
      </c>
      <c r="K15" s="22">
        <v>60466</v>
      </c>
    </row>
    <row r="16" spans="1:11" ht="15" customHeight="1">
      <c r="A16" s="20" t="s">
        <v>27</v>
      </c>
      <c r="B16" s="20"/>
      <c r="C16" s="16">
        <v>73595</v>
      </c>
      <c r="D16" s="22">
        <v>37840</v>
      </c>
      <c r="E16" s="22">
        <v>35755</v>
      </c>
      <c r="F16" s="22"/>
      <c r="G16" s="21" t="s">
        <v>28</v>
      </c>
      <c r="H16" s="20"/>
      <c r="I16" s="16">
        <v>118272</v>
      </c>
      <c r="J16" s="22">
        <v>61222</v>
      </c>
      <c r="K16" s="22">
        <v>57050</v>
      </c>
    </row>
    <row r="17" spans="1:11" ht="20.100000000000001" customHeight="1">
      <c r="A17" s="24" t="s">
        <v>29</v>
      </c>
      <c r="B17" s="24"/>
      <c r="C17" s="16">
        <v>380892</v>
      </c>
      <c r="D17" s="17">
        <v>194956</v>
      </c>
      <c r="E17" s="17">
        <v>185936</v>
      </c>
      <c r="F17" s="17"/>
      <c r="G17" s="21" t="s">
        <v>30</v>
      </c>
      <c r="H17" s="20"/>
      <c r="I17" s="16">
        <v>514826</v>
      </c>
      <c r="J17" s="17">
        <v>262826</v>
      </c>
      <c r="K17" s="17">
        <v>252000</v>
      </c>
    </row>
    <row r="18" spans="1:11" ht="15" customHeight="1">
      <c r="A18" s="20" t="s">
        <v>31</v>
      </c>
      <c r="B18" s="20"/>
      <c r="C18" s="16">
        <v>74638</v>
      </c>
      <c r="D18" s="22">
        <v>38196</v>
      </c>
      <c r="E18" s="22">
        <v>36442</v>
      </c>
      <c r="F18" s="22"/>
      <c r="G18" s="21" t="s">
        <v>32</v>
      </c>
      <c r="H18" s="20"/>
      <c r="I18" s="16">
        <v>110984</v>
      </c>
      <c r="J18" s="22">
        <v>57191</v>
      </c>
      <c r="K18" s="22">
        <v>53793</v>
      </c>
    </row>
    <row r="19" spans="1:11" ht="15" customHeight="1">
      <c r="A19" s="20" t="s">
        <v>33</v>
      </c>
      <c r="B19" s="20"/>
      <c r="C19" s="16">
        <v>74911</v>
      </c>
      <c r="D19" s="22">
        <v>38377</v>
      </c>
      <c r="E19" s="22">
        <v>36534</v>
      </c>
      <c r="F19" s="22"/>
      <c r="G19" s="21" t="s">
        <v>34</v>
      </c>
      <c r="H19" s="20"/>
      <c r="I19" s="16">
        <v>105293</v>
      </c>
      <c r="J19" s="22">
        <v>53987</v>
      </c>
      <c r="K19" s="22">
        <v>51306</v>
      </c>
    </row>
    <row r="20" spans="1:11" ht="15" customHeight="1">
      <c r="A20" s="20" t="s">
        <v>35</v>
      </c>
      <c r="B20" s="20"/>
      <c r="C20" s="16">
        <v>76788</v>
      </c>
      <c r="D20" s="22">
        <v>39292</v>
      </c>
      <c r="E20" s="22">
        <v>37496</v>
      </c>
      <c r="F20" s="22"/>
      <c r="G20" s="21" t="s">
        <v>36</v>
      </c>
      <c r="H20" s="20"/>
      <c r="I20" s="16">
        <v>102311</v>
      </c>
      <c r="J20" s="22">
        <v>51832</v>
      </c>
      <c r="K20" s="22">
        <v>50479</v>
      </c>
    </row>
    <row r="21" spans="1:11" ht="15" customHeight="1">
      <c r="A21" s="20" t="s">
        <v>37</v>
      </c>
      <c r="B21" s="20"/>
      <c r="C21" s="16">
        <v>76694</v>
      </c>
      <c r="D21" s="22">
        <v>39120</v>
      </c>
      <c r="E21" s="22">
        <v>37574</v>
      </c>
      <c r="F21" s="22"/>
      <c r="G21" s="21" t="s">
        <v>38</v>
      </c>
      <c r="H21" s="20"/>
      <c r="I21" s="16">
        <v>98890</v>
      </c>
      <c r="J21" s="22">
        <v>50694</v>
      </c>
      <c r="K21" s="22">
        <v>48196</v>
      </c>
    </row>
    <row r="22" spans="1:11" ht="15" customHeight="1">
      <c r="A22" s="20" t="s">
        <v>39</v>
      </c>
      <c r="B22" s="20"/>
      <c r="C22" s="16">
        <v>77861</v>
      </c>
      <c r="D22" s="22">
        <v>39971</v>
      </c>
      <c r="E22" s="22">
        <v>37890</v>
      </c>
      <c r="F22" s="22"/>
      <c r="G22" s="21" t="s">
        <v>40</v>
      </c>
      <c r="H22" s="20"/>
      <c r="I22" s="16">
        <v>97348</v>
      </c>
      <c r="J22" s="22">
        <v>49122</v>
      </c>
      <c r="K22" s="22">
        <v>48226</v>
      </c>
    </row>
    <row r="23" spans="1:11" ht="20.100000000000001" customHeight="1">
      <c r="A23" s="20" t="s">
        <v>41</v>
      </c>
      <c r="B23" s="20"/>
      <c r="C23" s="16">
        <v>397072</v>
      </c>
      <c r="D23" s="17">
        <v>204198</v>
      </c>
      <c r="E23" s="17">
        <v>192874</v>
      </c>
      <c r="F23" s="17"/>
      <c r="G23" s="21" t="s">
        <v>42</v>
      </c>
      <c r="H23" s="20"/>
      <c r="I23" s="16">
        <v>462767</v>
      </c>
      <c r="J23" s="17">
        <v>228548</v>
      </c>
      <c r="K23" s="17">
        <v>234219</v>
      </c>
    </row>
    <row r="24" spans="1:11" ht="15" customHeight="1">
      <c r="A24" s="20" t="s">
        <v>43</v>
      </c>
      <c r="B24" s="20"/>
      <c r="C24" s="16">
        <v>78227</v>
      </c>
      <c r="D24" s="22">
        <v>40352</v>
      </c>
      <c r="E24" s="22">
        <v>37875</v>
      </c>
      <c r="F24" s="22"/>
      <c r="G24" s="21" t="s">
        <v>44</v>
      </c>
      <c r="H24" s="20"/>
      <c r="I24" s="16">
        <v>89664</v>
      </c>
      <c r="J24" s="22">
        <v>44854</v>
      </c>
      <c r="K24" s="22">
        <v>44810</v>
      </c>
    </row>
    <row r="25" spans="1:11" ht="15" customHeight="1">
      <c r="A25" s="20" t="s">
        <v>45</v>
      </c>
      <c r="B25" s="20"/>
      <c r="C25" s="16">
        <v>78423</v>
      </c>
      <c r="D25" s="22">
        <v>40428</v>
      </c>
      <c r="E25" s="22">
        <v>37995</v>
      </c>
      <c r="F25" s="22"/>
      <c r="G25" s="21" t="s">
        <v>46</v>
      </c>
      <c r="H25" s="20"/>
      <c r="I25" s="16">
        <v>91251</v>
      </c>
      <c r="J25" s="22">
        <v>45624</v>
      </c>
      <c r="K25" s="22">
        <v>45627</v>
      </c>
    </row>
    <row r="26" spans="1:11" ht="15" customHeight="1">
      <c r="A26" s="20" t="s">
        <v>47</v>
      </c>
      <c r="B26" s="20"/>
      <c r="C26" s="16">
        <v>75447</v>
      </c>
      <c r="D26" s="22">
        <v>38510</v>
      </c>
      <c r="E26" s="22">
        <v>36937</v>
      </c>
      <c r="F26" s="22"/>
      <c r="G26" s="21" t="s">
        <v>48</v>
      </c>
      <c r="H26" s="20"/>
      <c r="I26" s="16">
        <v>93635</v>
      </c>
      <c r="J26" s="22">
        <v>46288</v>
      </c>
      <c r="K26" s="22">
        <v>47347</v>
      </c>
    </row>
    <row r="27" spans="1:11" ht="15" customHeight="1">
      <c r="A27" s="20" t="s">
        <v>49</v>
      </c>
      <c r="B27" s="20"/>
      <c r="C27" s="16">
        <v>80345</v>
      </c>
      <c r="D27" s="22">
        <v>41323</v>
      </c>
      <c r="E27" s="22">
        <v>39022</v>
      </c>
      <c r="F27" s="22"/>
      <c r="G27" s="21" t="s">
        <v>50</v>
      </c>
      <c r="H27" s="20"/>
      <c r="I27" s="16">
        <v>92974</v>
      </c>
      <c r="J27" s="22">
        <v>45734</v>
      </c>
      <c r="K27" s="22">
        <v>47240</v>
      </c>
    </row>
    <row r="28" spans="1:11" ht="15" customHeight="1">
      <c r="A28" s="20" t="s">
        <v>51</v>
      </c>
      <c r="B28" s="20"/>
      <c r="C28" s="16">
        <v>84630</v>
      </c>
      <c r="D28" s="22">
        <v>43585</v>
      </c>
      <c r="E28" s="22">
        <v>41045</v>
      </c>
      <c r="F28" s="22"/>
      <c r="G28" s="21" t="s">
        <v>52</v>
      </c>
      <c r="H28" s="20"/>
      <c r="I28" s="16">
        <v>95243</v>
      </c>
      <c r="J28" s="22">
        <v>46048</v>
      </c>
      <c r="K28" s="22">
        <v>49195</v>
      </c>
    </row>
    <row r="29" spans="1:11" ht="20.100000000000001" customHeight="1">
      <c r="A29" s="20" t="s">
        <v>53</v>
      </c>
      <c r="B29" s="20"/>
      <c r="C29" s="16">
        <v>494146</v>
      </c>
      <c r="D29" s="17">
        <v>251989</v>
      </c>
      <c r="E29" s="17">
        <v>242157</v>
      </c>
      <c r="F29" s="17"/>
      <c r="G29" s="21" t="s">
        <v>54</v>
      </c>
      <c r="H29" s="20"/>
      <c r="I29" s="16">
        <v>583758</v>
      </c>
      <c r="J29" s="17">
        <v>276418</v>
      </c>
      <c r="K29" s="17">
        <v>307340</v>
      </c>
    </row>
    <row r="30" spans="1:11" ht="15" customHeight="1">
      <c r="A30" s="20" t="s">
        <v>55</v>
      </c>
      <c r="B30" s="20"/>
      <c r="C30" s="16">
        <v>88011</v>
      </c>
      <c r="D30" s="22">
        <v>44879</v>
      </c>
      <c r="E30" s="22">
        <v>43132</v>
      </c>
      <c r="F30" s="22"/>
      <c r="G30" s="21" t="s">
        <v>56</v>
      </c>
      <c r="H30" s="20"/>
      <c r="I30" s="16">
        <v>103076</v>
      </c>
      <c r="J30" s="22">
        <v>49758</v>
      </c>
      <c r="K30" s="22">
        <v>53318</v>
      </c>
    </row>
    <row r="31" spans="1:11" ht="15" customHeight="1">
      <c r="A31" s="20" t="s">
        <v>57</v>
      </c>
      <c r="B31" s="20"/>
      <c r="C31" s="16">
        <v>96750</v>
      </c>
      <c r="D31" s="22">
        <v>49657</v>
      </c>
      <c r="E31" s="22">
        <v>47093</v>
      </c>
      <c r="F31" s="22"/>
      <c r="G31" s="21" t="s">
        <v>58</v>
      </c>
      <c r="H31" s="20"/>
      <c r="I31" s="16">
        <v>106979</v>
      </c>
      <c r="J31" s="22">
        <v>51418</v>
      </c>
      <c r="K31" s="22">
        <v>55561</v>
      </c>
    </row>
    <row r="32" spans="1:11" ht="15" customHeight="1">
      <c r="A32" s="20" t="s">
        <v>59</v>
      </c>
      <c r="B32" s="20"/>
      <c r="C32" s="16">
        <v>100873</v>
      </c>
      <c r="D32" s="22">
        <v>51268</v>
      </c>
      <c r="E32" s="22">
        <v>49605</v>
      </c>
      <c r="F32" s="22"/>
      <c r="G32" s="21" t="s">
        <v>60</v>
      </c>
      <c r="H32" s="20"/>
      <c r="I32" s="16">
        <v>114822</v>
      </c>
      <c r="J32" s="22">
        <v>54623</v>
      </c>
      <c r="K32" s="22">
        <v>60199</v>
      </c>
    </row>
    <row r="33" spans="1:11" ht="15" customHeight="1">
      <c r="A33" s="20" t="s">
        <v>61</v>
      </c>
      <c r="B33" s="20"/>
      <c r="C33" s="16">
        <v>102962</v>
      </c>
      <c r="D33" s="22">
        <v>52114</v>
      </c>
      <c r="E33" s="22">
        <v>50848</v>
      </c>
      <c r="F33" s="22"/>
      <c r="G33" s="21" t="s">
        <v>62</v>
      </c>
      <c r="H33" s="20"/>
      <c r="I33" s="16">
        <v>131360</v>
      </c>
      <c r="J33" s="22">
        <v>61527</v>
      </c>
      <c r="K33" s="22">
        <v>69833</v>
      </c>
    </row>
    <row r="34" spans="1:11" ht="15" customHeight="1">
      <c r="A34" s="20" t="s">
        <v>63</v>
      </c>
      <c r="B34" s="20"/>
      <c r="C34" s="16">
        <v>105550</v>
      </c>
      <c r="D34" s="22">
        <v>54071</v>
      </c>
      <c r="E34" s="22">
        <v>51479</v>
      </c>
      <c r="F34" s="22"/>
      <c r="G34" s="21" t="s">
        <v>64</v>
      </c>
      <c r="H34" s="20"/>
      <c r="I34" s="16">
        <v>127521</v>
      </c>
      <c r="J34" s="22">
        <v>59092</v>
      </c>
      <c r="K34" s="22">
        <v>68429</v>
      </c>
    </row>
    <row r="35" spans="1:11" ht="20.100000000000001" customHeight="1">
      <c r="A35" s="20" t="s">
        <v>65</v>
      </c>
      <c r="B35" s="20"/>
      <c r="C35" s="16">
        <v>498239</v>
      </c>
      <c r="D35" s="17">
        <v>257134</v>
      </c>
      <c r="E35" s="17">
        <v>241105</v>
      </c>
      <c r="F35" s="17"/>
      <c r="G35" s="21" t="s">
        <v>66</v>
      </c>
      <c r="H35" s="20"/>
      <c r="I35" s="16">
        <v>484395</v>
      </c>
      <c r="J35" s="17">
        <v>218611</v>
      </c>
      <c r="K35" s="17">
        <v>265784</v>
      </c>
    </row>
    <row r="36" spans="1:11" ht="15" customHeight="1">
      <c r="A36" s="20" t="s">
        <v>67</v>
      </c>
      <c r="B36" s="20"/>
      <c r="C36" s="16">
        <v>102522</v>
      </c>
      <c r="D36" s="22">
        <v>52760</v>
      </c>
      <c r="E36" s="22">
        <v>49762</v>
      </c>
      <c r="F36" s="22"/>
      <c r="G36" s="21" t="s">
        <v>68</v>
      </c>
      <c r="H36" s="20"/>
      <c r="I36" s="16">
        <v>126806</v>
      </c>
      <c r="J36" s="22">
        <v>58534</v>
      </c>
      <c r="K36" s="22">
        <v>68272</v>
      </c>
    </row>
    <row r="37" spans="1:11" ht="15" customHeight="1">
      <c r="A37" s="20" t="s">
        <v>69</v>
      </c>
      <c r="B37" s="20"/>
      <c r="C37" s="16">
        <v>101421</v>
      </c>
      <c r="D37" s="22">
        <v>52441</v>
      </c>
      <c r="E37" s="22">
        <v>48980</v>
      </c>
      <c r="F37" s="22"/>
      <c r="G37" s="21" t="s">
        <v>70</v>
      </c>
      <c r="H37" s="20"/>
      <c r="I37" s="16">
        <v>87282</v>
      </c>
      <c r="J37" s="22">
        <v>39991</v>
      </c>
      <c r="K37" s="22">
        <v>47291</v>
      </c>
    </row>
    <row r="38" spans="1:11" ht="15" customHeight="1">
      <c r="A38" s="20" t="s">
        <v>71</v>
      </c>
      <c r="B38" s="20"/>
      <c r="C38" s="16">
        <v>98473</v>
      </c>
      <c r="D38" s="22">
        <v>50968</v>
      </c>
      <c r="E38" s="22">
        <v>47505</v>
      </c>
      <c r="F38" s="22"/>
      <c r="G38" s="21" t="s">
        <v>72</v>
      </c>
      <c r="H38" s="20"/>
      <c r="I38" s="16">
        <v>77587</v>
      </c>
      <c r="J38" s="22">
        <v>34963</v>
      </c>
      <c r="K38" s="22">
        <v>42624</v>
      </c>
    </row>
    <row r="39" spans="1:11" ht="15" customHeight="1">
      <c r="A39" s="20" t="s">
        <v>73</v>
      </c>
      <c r="B39" s="20"/>
      <c r="C39" s="16">
        <v>100473</v>
      </c>
      <c r="D39" s="22">
        <v>51694</v>
      </c>
      <c r="E39" s="22">
        <v>48779</v>
      </c>
      <c r="F39" s="22"/>
      <c r="G39" s="21" t="s">
        <v>74</v>
      </c>
      <c r="H39" s="20"/>
      <c r="I39" s="16">
        <v>94484</v>
      </c>
      <c r="J39" s="22">
        <v>41886</v>
      </c>
      <c r="K39" s="22">
        <v>52598</v>
      </c>
    </row>
    <row r="40" spans="1:11" ht="15" customHeight="1">
      <c r="A40" s="20" t="s">
        <v>75</v>
      </c>
      <c r="B40" s="20"/>
      <c r="C40" s="16">
        <v>95350</v>
      </c>
      <c r="D40" s="22">
        <v>49271</v>
      </c>
      <c r="E40" s="22">
        <v>46079</v>
      </c>
      <c r="F40" s="22"/>
      <c r="G40" s="21" t="s">
        <v>76</v>
      </c>
      <c r="H40" s="20"/>
      <c r="I40" s="16">
        <v>98236</v>
      </c>
      <c r="J40" s="22">
        <v>43237</v>
      </c>
      <c r="K40" s="22">
        <v>54999</v>
      </c>
    </row>
    <row r="41" spans="1:11" ht="20.100000000000001" customHeight="1">
      <c r="A41" s="20" t="s">
        <v>77</v>
      </c>
      <c r="B41" s="20"/>
      <c r="C41" s="16">
        <v>483002</v>
      </c>
      <c r="D41" s="17">
        <v>248927</v>
      </c>
      <c r="E41" s="17">
        <v>234075</v>
      </c>
      <c r="F41" s="17"/>
      <c r="G41" s="21" t="s">
        <v>78</v>
      </c>
      <c r="H41" s="20"/>
      <c r="I41" s="16">
        <v>389248</v>
      </c>
      <c r="J41" s="17">
        <v>166876</v>
      </c>
      <c r="K41" s="17">
        <v>222372</v>
      </c>
    </row>
    <row r="42" spans="1:11" ht="15" customHeight="1">
      <c r="A42" s="20" t="s">
        <v>79</v>
      </c>
      <c r="B42" s="20"/>
      <c r="C42" s="16">
        <v>95415</v>
      </c>
      <c r="D42" s="22">
        <v>49162</v>
      </c>
      <c r="E42" s="22">
        <v>46253</v>
      </c>
      <c r="F42" s="22"/>
      <c r="G42" s="21" t="s">
        <v>80</v>
      </c>
      <c r="H42" s="20"/>
      <c r="I42" s="16">
        <v>92245</v>
      </c>
      <c r="J42" s="22">
        <v>40411</v>
      </c>
      <c r="K42" s="22">
        <v>51834</v>
      </c>
    </row>
    <row r="43" spans="1:11" ht="15" customHeight="1">
      <c r="A43" s="20" t="s">
        <v>81</v>
      </c>
      <c r="B43" s="20"/>
      <c r="C43" s="16">
        <v>96142</v>
      </c>
      <c r="D43" s="22">
        <v>49678</v>
      </c>
      <c r="E43" s="22">
        <v>46464</v>
      </c>
      <c r="F43" s="22"/>
      <c r="G43" s="21" t="s">
        <v>82</v>
      </c>
      <c r="H43" s="20"/>
      <c r="I43" s="16">
        <v>90132</v>
      </c>
      <c r="J43" s="22">
        <v>38802</v>
      </c>
      <c r="K43" s="22">
        <v>51330</v>
      </c>
    </row>
    <row r="44" spans="1:11" ht="15" customHeight="1">
      <c r="A44" s="20" t="s">
        <v>83</v>
      </c>
      <c r="B44" s="20"/>
      <c r="C44" s="16">
        <v>95306</v>
      </c>
      <c r="D44" s="22">
        <v>49233</v>
      </c>
      <c r="E44" s="22">
        <v>46073</v>
      </c>
      <c r="F44" s="22"/>
      <c r="G44" s="21" t="s">
        <v>84</v>
      </c>
      <c r="H44" s="20"/>
      <c r="I44" s="16">
        <v>79628</v>
      </c>
      <c r="J44" s="22">
        <v>33929</v>
      </c>
      <c r="K44" s="22">
        <v>45699</v>
      </c>
    </row>
    <row r="45" spans="1:11" ht="15" customHeight="1">
      <c r="A45" s="20" t="s">
        <v>85</v>
      </c>
      <c r="B45" s="20"/>
      <c r="C45" s="16">
        <v>95382</v>
      </c>
      <c r="D45" s="22">
        <v>49086</v>
      </c>
      <c r="E45" s="22">
        <v>46296</v>
      </c>
      <c r="F45" s="22"/>
      <c r="G45" s="21" t="s">
        <v>86</v>
      </c>
      <c r="H45" s="20"/>
      <c r="I45" s="16">
        <v>66384</v>
      </c>
      <c r="J45" s="22">
        <v>28120</v>
      </c>
      <c r="K45" s="22">
        <v>38264</v>
      </c>
    </row>
    <row r="46" spans="1:11" ht="15" customHeight="1">
      <c r="A46" s="20" t="s">
        <v>87</v>
      </c>
      <c r="B46" s="20"/>
      <c r="C46" s="16">
        <v>100757</v>
      </c>
      <c r="D46" s="22">
        <v>51768</v>
      </c>
      <c r="E46" s="22">
        <v>48989</v>
      </c>
      <c r="F46" s="22"/>
      <c r="G46" s="21" t="s">
        <v>88</v>
      </c>
      <c r="H46" s="20"/>
      <c r="I46" s="16">
        <v>60859</v>
      </c>
      <c r="J46" s="22">
        <v>25614</v>
      </c>
      <c r="K46" s="22">
        <v>35245</v>
      </c>
    </row>
    <row r="47" spans="1:11" ht="20.100000000000001" customHeight="1">
      <c r="A47" s="20" t="s">
        <v>89</v>
      </c>
      <c r="B47" s="20"/>
      <c r="C47" s="16">
        <v>533424</v>
      </c>
      <c r="D47" s="17">
        <v>274557</v>
      </c>
      <c r="E47" s="17">
        <v>258867</v>
      </c>
      <c r="F47" s="17"/>
      <c r="G47" s="21" t="s">
        <v>90</v>
      </c>
      <c r="H47" s="20"/>
      <c r="I47" s="16">
        <v>252310</v>
      </c>
      <c r="J47" s="17">
        <v>96422</v>
      </c>
      <c r="K47" s="17">
        <v>155888</v>
      </c>
    </row>
    <row r="48" spans="1:11" ht="15" customHeight="1">
      <c r="A48" s="20" t="s">
        <v>91</v>
      </c>
      <c r="B48" s="20"/>
      <c r="C48" s="16">
        <v>99990</v>
      </c>
      <c r="D48" s="22">
        <v>51564</v>
      </c>
      <c r="E48" s="22">
        <v>48426</v>
      </c>
      <c r="F48" s="22"/>
      <c r="G48" s="21" t="s">
        <v>92</v>
      </c>
      <c r="H48" s="20"/>
      <c r="I48" s="16">
        <v>63140</v>
      </c>
      <c r="J48" s="22">
        <v>25660</v>
      </c>
      <c r="K48" s="22">
        <v>37480</v>
      </c>
    </row>
    <row r="49" spans="1:11" ht="15" customHeight="1">
      <c r="A49" s="20" t="s">
        <v>93</v>
      </c>
      <c r="B49" s="20"/>
      <c r="C49" s="16">
        <v>102278</v>
      </c>
      <c r="D49" s="22">
        <v>52901</v>
      </c>
      <c r="E49" s="22">
        <v>49377</v>
      </c>
      <c r="F49" s="22"/>
      <c r="G49" s="21" t="s">
        <v>94</v>
      </c>
      <c r="H49" s="20"/>
      <c r="I49" s="16">
        <v>55639</v>
      </c>
      <c r="J49" s="22">
        <v>21914</v>
      </c>
      <c r="K49" s="22">
        <v>33725</v>
      </c>
    </row>
    <row r="50" spans="1:11" ht="15" customHeight="1">
      <c r="A50" s="20" t="s">
        <v>95</v>
      </c>
      <c r="B50" s="20"/>
      <c r="C50" s="16">
        <v>106626</v>
      </c>
      <c r="D50" s="22">
        <v>54638</v>
      </c>
      <c r="E50" s="22">
        <v>51988</v>
      </c>
      <c r="F50" s="22"/>
      <c r="G50" s="21" t="s">
        <v>96</v>
      </c>
      <c r="H50" s="20"/>
      <c r="I50" s="16">
        <v>52727</v>
      </c>
      <c r="J50" s="22">
        <v>20160</v>
      </c>
      <c r="K50" s="22">
        <v>32567</v>
      </c>
    </row>
    <row r="51" spans="1:11" ht="15" customHeight="1">
      <c r="A51" s="20" t="s">
        <v>97</v>
      </c>
      <c r="B51" s="20"/>
      <c r="C51" s="16">
        <v>110982</v>
      </c>
      <c r="D51" s="22">
        <v>57175</v>
      </c>
      <c r="E51" s="22">
        <v>53807</v>
      </c>
      <c r="F51" s="22"/>
      <c r="G51" s="21" t="s">
        <v>98</v>
      </c>
      <c r="H51" s="20"/>
      <c r="I51" s="16">
        <v>42342</v>
      </c>
      <c r="J51" s="22">
        <v>15335</v>
      </c>
      <c r="K51" s="22">
        <v>27007</v>
      </c>
    </row>
    <row r="52" spans="1:11" ht="15" customHeight="1">
      <c r="A52" s="20" t="s">
        <v>99</v>
      </c>
      <c r="B52" s="20"/>
      <c r="C52" s="16">
        <v>113548</v>
      </c>
      <c r="D52" s="22">
        <v>58279</v>
      </c>
      <c r="E52" s="22">
        <v>55269</v>
      </c>
      <c r="F52" s="22"/>
      <c r="G52" s="21" t="s">
        <v>100</v>
      </c>
      <c r="H52" s="20"/>
      <c r="I52" s="16">
        <v>38462</v>
      </c>
      <c r="J52" s="22">
        <v>13353</v>
      </c>
      <c r="K52" s="22">
        <v>25109</v>
      </c>
    </row>
    <row r="53" spans="1:11" ht="20.100000000000001" customHeight="1">
      <c r="A53" s="20" t="s">
        <v>101</v>
      </c>
      <c r="B53" s="20"/>
      <c r="C53" s="16">
        <v>596485</v>
      </c>
      <c r="D53" s="17">
        <v>305310</v>
      </c>
      <c r="E53" s="17">
        <v>291175</v>
      </c>
      <c r="F53" s="17"/>
      <c r="G53" s="21" t="s">
        <v>102</v>
      </c>
      <c r="H53" s="20"/>
      <c r="I53" s="16">
        <v>117642</v>
      </c>
      <c r="J53" s="17">
        <v>35269</v>
      </c>
      <c r="K53" s="17">
        <v>82373</v>
      </c>
    </row>
    <row r="54" spans="1:11" ht="15" customHeight="1">
      <c r="A54" s="20" t="s">
        <v>103</v>
      </c>
      <c r="B54" s="20"/>
      <c r="C54" s="16">
        <v>113076</v>
      </c>
      <c r="D54" s="22">
        <v>58281</v>
      </c>
      <c r="E54" s="22">
        <v>54795</v>
      </c>
      <c r="F54" s="22"/>
      <c r="G54" s="21" t="s">
        <v>104</v>
      </c>
      <c r="H54" s="20"/>
      <c r="I54" s="16">
        <v>33385</v>
      </c>
      <c r="J54" s="22">
        <v>11064</v>
      </c>
      <c r="K54" s="22">
        <v>22321</v>
      </c>
    </row>
    <row r="55" spans="1:11" ht="15" customHeight="1">
      <c r="A55" s="20" t="s">
        <v>105</v>
      </c>
      <c r="B55" s="20"/>
      <c r="C55" s="16">
        <v>114895</v>
      </c>
      <c r="D55" s="22">
        <v>58726</v>
      </c>
      <c r="E55" s="22">
        <v>56169</v>
      </c>
      <c r="F55" s="22"/>
      <c r="G55" s="21" t="s">
        <v>106</v>
      </c>
      <c r="H55" s="20"/>
      <c r="I55" s="16">
        <v>27669</v>
      </c>
      <c r="J55" s="22">
        <v>8524</v>
      </c>
      <c r="K55" s="22">
        <v>19145</v>
      </c>
    </row>
    <row r="56" spans="1:11" ht="15" customHeight="1">
      <c r="A56" s="20" t="s">
        <v>107</v>
      </c>
      <c r="B56" s="20"/>
      <c r="C56" s="16">
        <v>117735</v>
      </c>
      <c r="D56" s="22">
        <v>59886</v>
      </c>
      <c r="E56" s="22">
        <v>57849</v>
      </c>
      <c r="F56" s="22"/>
      <c r="G56" s="21" t="s">
        <v>108</v>
      </c>
      <c r="H56" s="20"/>
      <c r="I56" s="16">
        <v>22704</v>
      </c>
      <c r="J56" s="22">
        <v>6710</v>
      </c>
      <c r="K56" s="22">
        <v>15994</v>
      </c>
    </row>
    <row r="57" spans="1:11" ht="15" customHeight="1">
      <c r="A57" s="20" t="s">
        <v>109</v>
      </c>
      <c r="B57" s="20"/>
      <c r="C57" s="16">
        <v>123107</v>
      </c>
      <c r="D57" s="22">
        <v>63274</v>
      </c>
      <c r="E57" s="22">
        <v>59833</v>
      </c>
      <c r="F57" s="22"/>
      <c r="G57" s="21" t="s">
        <v>110</v>
      </c>
      <c r="H57" s="20"/>
      <c r="I57" s="16">
        <v>18519</v>
      </c>
      <c r="J57" s="22">
        <v>5105</v>
      </c>
      <c r="K57" s="22">
        <v>13414</v>
      </c>
    </row>
    <row r="58" spans="1:11" ht="15" customHeight="1">
      <c r="A58" s="20" t="s">
        <v>111</v>
      </c>
      <c r="B58" s="20"/>
      <c r="C58" s="16">
        <v>127672</v>
      </c>
      <c r="D58" s="22">
        <v>65143</v>
      </c>
      <c r="E58" s="22">
        <v>62529</v>
      </c>
      <c r="F58" s="22"/>
      <c r="G58" s="21" t="s">
        <v>112</v>
      </c>
      <c r="H58" s="20"/>
      <c r="I58" s="16">
        <v>15365</v>
      </c>
      <c r="J58" s="22">
        <v>3866</v>
      </c>
      <c r="K58" s="22">
        <v>11499</v>
      </c>
    </row>
    <row r="59" spans="1:11" ht="20.100000000000001" customHeight="1">
      <c r="A59" s="20" t="s">
        <v>113</v>
      </c>
      <c r="B59" s="20"/>
      <c r="C59" s="16">
        <v>718800</v>
      </c>
      <c r="D59" s="17">
        <v>367079</v>
      </c>
      <c r="E59" s="17">
        <v>351721</v>
      </c>
      <c r="F59" s="17"/>
      <c r="G59" s="21" t="s">
        <v>114</v>
      </c>
      <c r="H59" s="20"/>
      <c r="I59" s="16">
        <v>31140</v>
      </c>
      <c r="J59" s="17">
        <v>6789</v>
      </c>
      <c r="K59" s="17">
        <v>24351</v>
      </c>
    </row>
    <row r="60" spans="1:11" ht="15" customHeight="1">
      <c r="A60" s="20" t="s">
        <v>115</v>
      </c>
      <c r="B60" s="20"/>
      <c r="C60" s="16">
        <v>131145</v>
      </c>
      <c r="D60" s="22">
        <v>67176</v>
      </c>
      <c r="E60" s="22">
        <v>63969</v>
      </c>
      <c r="F60" s="22"/>
      <c r="G60" s="21" t="s">
        <v>116</v>
      </c>
      <c r="H60" s="20"/>
      <c r="I60" s="16">
        <v>10679</v>
      </c>
      <c r="J60" s="22">
        <v>2582</v>
      </c>
      <c r="K60" s="22">
        <v>8097</v>
      </c>
    </row>
    <row r="61" spans="1:11" ht="15" customHeight="1">
      <c r="A61" s="20" t="s">
        <v>117</v>
      </c>
      <c r="B61" s="20"/>
      <c r="C61" s="16">
        <v>136548</v>
      </c>
      <c r="D61" s="22">
        <v>69857</v>
      </c>
      <c r="E61" s="22">
        <v>66691</v>
      </c>
      <c r="F61" s="22"/>
      <c r="G61" s="21" t="s">
        <v>118</v>
      </c>
      <c r="H61" s="20"/>
      <c r="I61" s="16">
        <v>7812</v>
      </c>
      <c r="J61" s="22">
        <v>1856</v>
      </c>
      <c r="K61" s="22">
        <v>5956</v>
      </c>
    </row>
    <row r="62" spans="1:11" ht="15" customHeight="1">
      <c r="A62" s="20" t="s">
        <v>119</v>
      </c>
      <c r="B62" s="20"/>
      <c r="C62" s="16">
        <v>140601</v>
      </c>
      <c r="D62" s="22">
        <v>71672</v>
      </c>
      <c r="E62" s="22">
        <v>68929</v>
      </c>
      <c r="F62" s="22"/>
      <c r="G62" s="21" t="s">
        <v>120</v>
      </c>
      <c r="H62" s="20"/>
      <c r="I62" s="16">
        <v>5969</v>
      </c>
      <c r="J62" s="22">
        <v>1202</v>
      </c>
      <c r="K62" s="22">
        <v>4767</v>
      </c>
    </row>
    <row r="63" spans="1:11" ht="15" customHeight="1">
      <c r="A63" s="20" t="s">
        <v>121</v>
      </c>
      <c r="B63" s="20"/>
      <c r="C63" s="16">
        <v>151621</v>
      </c>
      <c r="D63" s="22">
        <v>77547</v>
      </c>
      <c r="E63" s="22">
        <v>74074</v>
      </c>
      <c r="F63" s="22"/>
      <c r="G63" s="21" t="s">
        <v>122</v>
      </c>
      <c r="H63" s="20"/>
      <c r="I63" s="16">
        <v>3976</v>
      </c>
      <c r="J63" s="22">
        <v>684</v>
      </c>
      <c r="K63" s="22">
        <v>3292</v>
      </c>
    </row>
    <row r="64" spans="1:11" ht="15" customHeight="1">
      <c r="A64" s="20" t="s">
        <v>123</v>
      </c>
      <c r="B64" s="20"/>
      <c r="C64" s="16">
        <v>158885</v>
      </c>
      <c r="D64" s="22">
        <v>80827</v>
      </c>
      <c r="E64" s="22">
        <v>78058</v>
      </c>
      <c r="F64" s="22"/>
      <c r="G64" s="21" t="s">
        <v>124</v>
      </c>
      <c r="H64" s="20"/>
      <c r="I64" s="16">
        <v>2704</v>
      </c>
      <c r="J64" s="22">
        <v>465</v>
      </c>
      <c r="K64" s="22">
        <v>2239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5034</v>
      </c>
      <c r="J65" s="22">
        <v>689</v>
      </c>
      <c r="K65" s="22">
        <v>4345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214070</v>
      </c>
      <c r="J66" s="32">
        <v>115560</v>
      </c>
      <c r="K66" s="32">
        <v>98510</v>
      </c>
    </row>
    <row r="68" spans="1:11">
      <c r="F68" s="2"/>
    </row>
    <row r="75" spans="1:11">
      <c r="F75" s="25"/>
    </row>
    <row r="76" spans="1:11">
      <c r="F76" s="26"/>
    </row>
    <row r="77" spans="1:11">
      <c r="F77" s="26"/>
    </row>
    <row r="78" spans="1:11">
      <c r="F78" s="26"/>
    </row>
    <row r="79" spans="1:11">
      <c r="F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67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95892</v>
      </c>
      <c r="D4" s="17">
        <v>95172</v>
      </c>
      <c r="E4" s="17">
        <v>100720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5426</v>
      </c>
      <c r="D5" s="17">
        <v>2801</v>
      </c>
      <c r="E5" s="17">
        <v>2625</v>
      </c>
      <c r="F5" s="17"/>
      <c r="G5" s="21" t="s">
        <v>6</v>
      </c>
      <c r="H5" s="20"/>
      <c r="I5" s="16">
        <v>15550</v>
      </c>
      <c r="J5" s="17">
        <v>7713</v>
      </c>
      <c r="K5" s="17">
        <v>7837</v>
      </c>
    </row>
    <row r="6" spans="1:11" ht="15" customHeight="1">
      <c r="A6" s="20" t="s">
        <v>7</v>
      </c>
      <c r="B6" s="20"/>
      <c r="C6" s="16">
        <v>964</v>
      </c>
      <c r="D6" s="22">
        <v>508</v>
      </c>
      <c r="E6" s="22">
        <v>456</v>
      </c>
      <c r="F6" s="22"/>
      <c r="G6" s="21" t="s">
        <v>8</v>
      </c>
      <c r="H6" s="20"/>
      <c r="I6" s="16">
        <v>3253</v>
      </c>
      <c r="J6" s="22">
        <v>1645</v>
      </c>
      <c r="K6" s="22">
        <v>1608</v>
      </c>
    </row>
    <row r="7" spans="1:11" ht="15" customHeight="1">
      <c r="A7" s="20" t="s">
        <v>9</v>
      </c>
      <c r="B7" s="20"/>
      <c r="C7" s="16">
        <v>1007</v>
      </c>
      <c r="D7" s="22">
        <v>521</v>
      </c>
      <c r="E7" s="22">
        <v>486</v>
      </c>
      <c r="F7" s="22"/>
      <c r="G7" s="21" t="s">
        <v>10</v>
      </c>
      <c r="H7" s="20"/>
      <c r="I7" s="16">
        <v>3234</v>
      </c>
      <c r="J7" s="22">
        <v>1586</v>
      </c>
      <c r="K7" s="22">
        <v>1648</v>
      </c>
    </row>
    <row r="8" spans="1:11" ht="15" customHeight="1">
      <c r="A8" s="20" t="s">
        <v>11</v>
      </c>
      <c r="B8" s="20"/>
      <c r="C8" s="16">
        <v>1111</v>
      </c>
      <c r="D8" s="22">
        <v>571</v>
      </c>
      <c r="E8" s="22">
        <v>540</v>
      </c>
      <c r="F8" s="22"/>
      <c r="G8" s="21" t="s">
        <v>12</v>
      </c>
      <c r="H8" s="20"/>
      <c r="I8" s="16">
        <v>3080</v>
      </c>
      <c r="J8" s="22">
        <v>1502</v>
      </c>
      <c r="K8" s="22">
        <v>1578</v>
      </c>
    </row>
    <row r="9" spans="1:11" ht="15" customHeight="1">
      <c r="A9" s="20" t="s">
        <v>13</v>
      </c>
      <c r="B9" s="20"/>
      <c r="C9" s="16">
        <v>1127</v>
      </c>
      <c r="D9" s="22">
        <v>585</v>
      </c>
      <c r="E9" s="22">
        <v>542</v>
      </c>
      <c r="F9" s="22"/>
      <c r="G9" s="21" t="s">
        <v>14</v>
      </c>
      <c r="H9" s="20"/>
      <c r="I9" s="16">
        <v>3028</v>
      </c>
      <c r="J9" s="22">
        <v>1532</v>
      </c>
      <c r="K9" s="22">
        <v>1496</v>
      </c>
    </row>
    <row r="10" spans="1:11" ht="15" customHeight="1">
      <c r="A10" s="20" t="s">
        <v>15</v>
      </c>
      <c r="B10" s="20"/>
      <c r="C10" s="16">
        <v>1217</v>
      </c>
      <c r="D10" s="22">
        <v>616</v>
      </c>
      <c r="E10" s="22">
        <v>601</v>
      </c>
      <c r="F10" s="22"/>
      <c r="G10" s="21" t="s">
        <v>16</v>
      </c>
      <c r="H10" s="20"/>
      <c r="I10" s="16">
        <v>2955</v>
      </c>
      <c r="J10" s="22">
        <v>1448</v>
      </c>
      <c r="K10" s="22">
        <v>1507</v>
      </c>
    </row>
    <row r="11" spans="1:11" ht="20.100000000000001" customHeight="1">
      <c r="A11" s="20" t="s">
        <v>17</v>
      </c>
      <c r="B11" s="20"/>
      <c r="C11" s="16">
        <v>6854</v>
      </c>
      <c r="D11" s="17">
        <v>3497</v>
      </c>
      <c r="E11" s="17">
        <v>3357</v>
      </c>
      <c r="F11" s="17"/>
      <c r="G11" s="21" t="s">
        <v>18</v>
      </c>
      <c r="H11" s="20"/>
      <c r="I11" s="16">
        <v>13481</v>
      </c>
      <c r="J11" s="17">
        <v>6629</v>
      </c>
      <c r="K11" s="17">
        <v>6852</v>
      </c>
    </row>
    <row r="12" spans="1:11" ht="15" customHeight="1">
      <c r="A12" s="20" t="s">
        <v>19</v>
      </c>
      <c r="B12" s="20"/>
      <c r="C12" s="16">
        <v>1283</v>
      </c>
      <c r="D12" s="22">
        <v>644</v>
      </c>
      <c r="E12" s="22">
        <v>639</v>
      </c>
      <c r="F12" s="22"/>
      <c r="G12" s="21" t="s">
        <v>20</v>
      </c>
      <c r="H12" s="20"/>
      <c r="I12" s="16">
        <v>3088</v>
      </c>
      <c r="J12" s="22">
        <v>1513</v>
      </c>
      <c r="K12" s="22">
        <v>1575</v>
      </c>
    </row>
    <row r="13" spans="1:11" ht="15" customHeight="1">
      <c r="A13" s="20" t="s">
        <v>21</v>
      </c>
      <c r="B13" s="20"/>
      <c r="C13" s="16">
        <v>1301</v>
      </c>
      <c r="D13" s="22">
        <v>654</v>
      </c>
      <c r="E13" s="22">
        <v>647</v>
      </c>
      <c r="F13" s="22"/>
      <c r="G13" s="21" t="s">
        <v>22</v>
      </c>
      <c r="H13" s="20"/>
      <c r="I13" s="16">
        <v>2249</v>
      </c>
      <c r="J13" s="22">
        <v>1110</v>
      </c>
      <c r="K13" s="22">
        <v>1139</v>
      </c>
    </row>
    <row r="14" spans="1:11" ht="15" customHeight="1">
      <c r="A14" s="20" t="s">
        <v>23</v>
      </c>
      <c r="B14" s="20"/>
      <c r="C14" s="16">
        <v>1415</v>
      </c>
      <c r="D14" s="22">
        <v>740</v>
      </c>
      <c r="E14" s="22">
        <v>675</v>
      </c>
      <c r="F14" s="22"/>
      <c r="G14" s="21" t="s">
        <v>24</v>
      </c>
      <c r="H14" s="20"/>
      <c r="I14" s="16">
        <v>2915</v>
      </c>
      <c r="J14" s="22">
        <v>1464</v>
      </c>
      <c r="K14" s="22">
        <v>1451</v>
      </c>
    </row>
    <row r="15" spans="1:11" ht="15" customHeight="1">
      <c r="A15" s="20" t="s">
        <v>25</v>
      </c>
      <c r="B15" s="20"/>
      <c r="C15" s="16">
        <v>1443</v>
      </c>
      <c r="D15" s="22">
        <v>749</v>
      </c>
      <c r="E15" s="22">
        <v>694</v>
      </c>
      <c r="F15" s="22"/>
      <c r="G15" s="21" t="s">
        <v>26</v>
      </c>
      <c r="H15" s="20"/>
      <c r="I15" s="16">
        <v>2664</v>
      </c>
      <c r="J15" s="22">
        <v>1280</v>
      </c>
      <c r="K15" s="22">
        <v>1384</v>
      </c>
    </row>
    <row r="16" spans="1:11" ht="15" customHeight="1">
      <c r="A16" s="20" t="s">
        <v>27</v>
      </c>
      <c r="B16" s="20"/>
      <c r="C16" s="16">
        <v>1412</v>
      </c>
      <c r="D16" s="22">
        <v>710</v>
      </c>
      <c r="E16" s="22">
        <v>702</v>
      </c>
      <c r="F16" s="22"/>
      <c r="G16" s="21" t="s">
        <v>28</v>
      </c>
      <c r="H16" s="20"/>
      <c r="I16" s="16">
        <v>2565</v>
      </c>
      <c r="J16" s="22">
        <v>1262</v>
      </c>
      <c r="K16" s="22">
        <v>1303</v>
      </c>
    </row>
    <row r="17" spans="1:11" ht="20.100000000000001" customHeight="1">
      <c r="A17" s="24" t="s">
        <v>29</v>
      </c>
      <c r="B17" s="24"/>
      <c r="C17" s="16">
        <v>7847</v>
      </c>
      <c r="D17" s="17">
        <v>3993</v>
      </c>
      <c r="E17" s="17">
        <v>3854</v>
      </c>
      <c r="F17" s="17"/>
      <c r="G17" s="21" t="s">
        <v>30</v>
      </c>
      <c r="H17" s="20"/>
      <c r="I17" s="16">
        <v>11893</v>
      </c>
      <c r="J17" s="17">
        <v>5831</v>
      </c>
      <c r="K17" s="17">
        <v>6062</v>
      </c>
    </row>
    <row r="18" spans="1:11" ht="15" customHeight="1">
      <c r="A18" s="20" t="s">
        <v>31</v>
      </c>
      <c r="B18" s="20"/>
      <c r="C18" s="16">
        <v>1423</v>
      </c>
      <c r="D18" s="22">
        <v>715</v>
      </c>
      <c r="E18" s="22">
        <v>708</v>
      </c>
      <c r="F18" s="22"/>
      <c r="G18" s="21" t="s">
        <v>32</v>
      </c>
      <c r="H18" s="20"/>
      <c r="I18" s="16">
        <v>2541</v>
      </c>
      <c r="J18" s="22">
        <v>1241</v>
      </c>
      <c r="K18" s="22">
        <v>1300</v>
      </c>
    </row>
    <row r="19" spans="1:11" ht="15" customHeight="1">
      <c r="A19" s="20" t="s">
        <v>33</v>
      </c>
      <c r="B19" s="20"/>
      <c r="C19" s="16">
        <v>1565</v>
      </c>
      <c r="D19" s="22">
        <v>797</v>
      </c>
      <c r="E19" s="22">
        <v>768</v>
      </c>
      <c r="F19" s="22"/>
      <c r="G19" s="21" t="s">
        <v>34</v>
      </c>
      <c r="H19" s="20"/>
      <c r="I19" s="16">
        <v>2395</v>
      </c>
      <c r="J19" s="22">
        <v>1204</v>
      </c>
      <c r="K19" s="22">
        <v>1191</v>
      </c>
    </row>
    <row r="20" spans="1:11" ht="15" customHeight="1">
      <c r="A20" s="20" t="s">
        <v>35</v>
      </c>
      <c r="B20" s="20"/>
      <c r="C20" s="16">
        <v>1542</v>
      </c>
      <c r="D20" s="22">
        <v>776</v>
      </c>
      <c r="E20" s="22">
        <v>766</v>
      </c>
      <c r="F20" s="22"/>
      <c r="G20" s="21" t="s">
        <v>36</v>
      </c>
      <c r="H20" s="20"/>
      <c r="I20" s="16">
        <v>2354</v>
      </c>
      <c r="J20" s="22">
        <v>1137</v>
      </c>
      <c r="K20" s="22">
        <v>1217</v>
      </c>
    </row>
    <row r="21" spans="1:11" ht="15" customHeight="1">
      <c r="A21" s="20" t="s">
        <v>37</v>
      </c>
      <c r="B21" s="20"/>
      <c r="C21" s="16">
        <v>1609</v>
      </c>
      <c r="D21" s="22">
        <v>829</v>
      </c>
      <c r="E21" s="22">
        <v>780</v>
      </c>
      <c r="F21" s="22"/>
      <c r="G21" s="21" t="s">
        <v>38</v>
      </c>
      <c r="H21" s="20"/>
      <c r="I21" s="16">
        <v>2322</v>
      </c>
      <c r="J21" s="22">
        <v>1171</v>
      </c>
      <c r="K21" s="22">
        <v>1151</v>
      </c>
    </row>
    <row r="22" spans="1:11" ht="15" customHeight="1">
      <c r="A22" s="20" t="s">
        <v>39</v>
      </c>
      <c r="B22" s="20"/>
      <c r="C22" s="16">
        <v>1708</v>
      </c>
      <c r="D22" s="22">
        <v>876</v>
      </c>
      <c r="E22" s="22">
        <v>832</v>
      </c>
      <c r="F22" s="22"/>
      <c r="G22" s="21" t="s">
        <v>40</v>
      </c>
      <c r="H22" s="20"/>
      <c r="I22" s="16">
        <v>2281</v>
      </c>
      <c r="J22" s="22">
        <v>1078</v>
      </c>
      <c r="K22" s="22">
        <v>1203</v>
      </c>
    </row>
    <row r="23" spans="1:11" ht="20.100000000000001" customHeight="1">
      <c r="A23" s="20" t="s">
        <v>41</v>
      </c>
      <c r="B23" s="20"/>
      <c r="C23" s="16">
        <v>8787</v>
      </c>
      <c r="D23" s="17">
        <v>4502</v>
      </c>
      <c r="E23" s="17">
        <v>4285</v>
      </c>
      <c r="F23" s="17"/>
      <c r="G23" s="21" t="s">
        <v>42</v>
      </c>
      <c r="H23" s="20"/>
      <c r="I23" s="16">
        <v>11698</v>
      </c>
      <c r="J23" s="17">
        <v>5590</v>
      </c>
      <c r="K23" s="17">
        <v>6108</v>
      </c>
    </row>
    <row r="24" spans="1:11" ht="15" customHeight="1">
      <c r="A24" s="20" t="s">
        <v>43</v>
      </c>
      <c r="B24" s="20"/>
      <c r="C24" s="16">
        <v>1659</v>
      </c>
      <c r="D24" s="22">
        <v>855</v>
      </c>
      <c r="E24" s="22">
        <v>804</v>
      </c>
      <c r="F24" s="22"/>
      <c r="G24" s="21" t="s">
        <v>44</v>
      </c>
      <c r="H24" s="20"/>
      <c r="I24" s="16">
        <v>2214</v>
      </c>
      <c r="J24" s="22">
        <v>1082</v>
      </c>
      <c r="K24" s="22">
        <v>1132</v>
      </c>
    </row>
    <row r="25" spans="1:11" ht="15" customHeight="1">
      <c r="A25" s="20" t="s">
        <v>45</v>
      </c>
      <c r="B25" s="20"/>
      <c r="C25" s="16">
        <v>1758</v>
      </c>
      <c r="D25" s="22">
        <v>887</v>
      </c>
      <c r="E25" s="22">
        <v>871</v>
      </c>
      <c r="F25" s="22"/>
      <c r="G25" s="21" t="s">
        <v>46</v>
      </c>
      <c r="H25" s="20"/>
      <c r="I25" s="16">
        <v>2240</v>
      </c>
      <c r="J25" s="22">
        <v>1071</v>
      </c>
      <c r="K25" s="22">
        <v>1169</v>
      </c>
    </row>
    <row r="26" spans="1:11" ht="15" customHeight="1">
      <c r="A26" s="20" t="s">
        <v>47</v>
      </c>
      <c r="B26" s="20"/>
      <c r="C26" s="16">
        <v>1620</v>
      </c>
      <c r="D26" s="22">
        <v>810</v>
      </c>
      <c r="E26" s="22">
        <v>810</v>
      </c>
      <c r="F26" s="22"/>
      <c r="G26" s="21" t="s">
        <v>48</v>
      </c>
      <c r="H26" s="20"/>
      <c r="I26" s="16">
        <v>2423</v>
      </c>
      <c r="J26" s="22">
        <v>1133</v>
      </c>
      <c r="K26" s="22">
        <v>1290</v>
      </c>
    </row>
    <row r="27" spans="1:11" ht="15" customHeight="1">
      <c r="A27" s="20" t="s">
        <v>49</v>
      </c>
      <c r="B27" s="20"/>
      <c r="C27" s="16">
        <v>1784</v>
      </c>
      <c r="D27" s="22">
        <v>956</v>
      </c>
      <c r="E27" s="22">
        <v>828</v>
      </c>
      <c r="F27" s="22"/>
      <c r="G27" s="21" t="s">
        <v>50</v>
      </c>
      <c r="H27" s="20"/>
      <c r="I27" s="16">
        <v>2334</v>
      </c>
      <c r="J27" s="22">
        <v>1142</v>
      </c>
      <c r="K27" s="22">
        <v>1192</v>
      </c>
    </row>
    <row r="28" spans="1:11" ht="15" customHeight="1">
      <c r="A28" s="20" t="s">
        <v>51</v>
      </c>
      <c r="B28" s="20"/>
      <c r="C28" s="16">
        <v>1966</v>
      </c>
      <c r="D28" s="22">
        <v>994</v>
      </c>
      <c r="E28" s="22">
        <v>972</v>
      </c>
      <c r="F28" s="22"/>
      <c r="G28" s="21" t="s">
        <v>52</v>
      </c>
      <c r="H28" s="20"/>
      <c r="I28" s="16">
        <v>2487</v>
      </c>
      <c r="J28" s="22">
        <v>1162</v>
      </c>
      <c r="K28" s="22">
        <v>1325</v>
      </c>
    </row>
    <row r="29" spans="1:11" ht="20.100000000000001" customHeight="1">
      <c r="A29" s="20" t="s">
        <v>53</v>
      </c>
      <c r="B29" s="20"/>
      <c r="C29" s="16">
        <v>11381</v>
      </c>
      <c r="D29" s="17">
        <v>5906</v>
      </c>
      <c r="E29" s="17">
        <v>5475</v>
      </c>
      <c r="F29" s="17"/>
      <c r="G29" s="21" t="s">
        <v>54</v>
      </c>
      <c r="H29" s="20"/>
      <c r="I29" s="16">
        <v>15377</v>
      </c>
      <c r="J29" s="17">
        <v>7360</v>
      </c>
      <c r="K29" s="17">
        <v>8017</v>
      </c>
    </row>
    <row r="30" spans="1:11" ht="15" customHeight="1">
      <c r="A30" s="20" t="s">
        <v>55</v>
      </c>
      <c r="B30" s="20"/>
      <c r="C30" s="16">
        <v>2146</v>
      </c>
      <c r="D30" s="22">
        <v>1099</v>
      </c>
      <c r="E30" s="22">
        <v>1047</v>
      </c>
      <c r="F30" s="22"/>
      <c r="G30" s="21" t="s">
        <v>56</v>
      </c>
      <c r="H30" s="20"/>
      <c r="I30" s="16">
        <v>2679</v>
      </c>
      <c r="J30" s="22">
        <v>1283</v>
      </c>
      <c r="K30" s="22">
        <v>1396</v>
      </c>
    </row>
    <row r="31" spans="1:11" ht="15" customHeight="1">
      <c r="A31" s="20" t="s">
        <v>57</v>
      </c>
      <c r="B31" s="20"/>
      <c r="C31" s="16">
        <v>2349</v>
      </c>
      <c r="D31" s="22">
        <v>1226</v>
      </c>
      <c r="E31" s="22">
        <v>1123</v>
      </c>
      <c r="F31" s="22"/>
      <c r="G31" s="21" t="s">
        <v>58</v>
      </c>
      <c r="H31" s="20"/>
      <c r="I31" s="16">
        <v>2844</v>
      </c>
      <c r="J31" s="22">
        <v>1398</v>
      </c>
      <c r="K31" s="22">
        <v>1446</v>
      </c>
    </row>
    <row r="32" spans="1:11" ht="15" customHeight="1">
      <c r="A32" s="20" t="s">
        <v>59</v>
      </c>
      <c r="B32" s="20"/>
      <c r="C32" s="16">
        <v>2466</v>
      </c>
      <c r="D32" s="22">
        <v>1303</v>
      </c>
      <c r="E32" s="22">
        <v>1163</v>
      </c>
      <c r="F32" s="22"/>
      <c r="G32" s="21" t="s">
        <v>60</v>
      </c>
      <c r="H32" s="20"/>
      <c r="I32" s="16">
        <v>3080</v>
      </c>
      <c r="J32" s="22">
        <v>1468</v>
      </c>
      <c r="K32" s="22">
        <v>1612</v>
      </c>
    </row>
    <row r="33" spans="1:11" ht="15" customHeight="1">
      <c r="A33" s="20" t="s">
        <v>61</v>
      </c>
      <c r="B33" s="20"/>
      <c r="C33" s="16">
        <v>2266</v>
      </c>
      <c r="D33" s="22">
        <v>1175</v>
      </c>
      <c r="E33" s="22">
        <v>1091</v>
      </c>
      <c r="F33" s="22"/>
      <c r="G33" s="21" t="s">
        <v>62</v>
      </c>
      <c r="H33" s="20"/>
      <c r="I33" s="16">
        <v>3447</v>
      </c>
      <c r="J33" s="22">
        <v>1660</v>
      </c>
      <c r="K33" s="22">
        <v>1787</v>
      </c>
    </row>
    <row r="34" spans="1:11" ht="15" customHeight="1">
      <c r="A34" s="20" t="s">
        <v>63</v>
      </c>
      <c r="B34" s="20"/>
      <c r="C34" s="16">
        <v>2154</v>
      </c>
      <c r="D34" s="22">
        <v>1103</v>
      </c>
      <c r="E34" s="22">
        <v>1051</v>
      </c>
      <c r="F34" s="22"/>
      <c r="G34" s="21" t="s">
        <v>64</v>
      </c>
      <c r="H34" s="20"/>
      <c r="I34" s="16">
        <v>3327</v>
      </c>
      <c r="J34" s="22">
        <v>1551</v>
      </c>
      <c r="K34" s="22">
        <v>1776</v>
      </c>
    </row>
    <row r="35" spans="1:11" ht="20.100000000000001" customHeight="1">
      <c r="A35" s="20" t="s">
        <v>65</v>
      </c>
      <c r="B35" s="20"/>
      <c r="C35" s="16">
        <v>8261</v>
      </c>
      <c r="D35" s="17">
        <v>4242</v>
      </c>
      <c r="E35" s="17">
        <v>4019</v>
      </c>
      <c r="F35" s="17"/>
      <c r="G35" s="21" t="s">
        <v>66</v>
      </c>
      <c r="H35" s="20"/>
      <c r="I35" s="16">
        <v>12312</v>
      </c>
      <c r="J35" s="17">
        <v>5625</v>
      </c>
      <c r="K35" s="17">
        <v>6687</v>
      </c>
    </row>
    <row r="36" spans="1:11" ht="15" customHeight="1">
      <c r="A36" s="20" t="s">
        <v>67</v>
      </c>
      <c r="B36" s="20"/>
      <c r="C36" s="16">
        <v>1816</v>
      </c>
      <c r="D36" s="22">
        <v>924</v>
      </c>
      <c r="E36" s="22">
        <v>892</v>
      </c>
      <c r="F36" s="22"/>
      <c r="G36" s="21" t="s">
        <v>68</v>
      </c>
      <c r="H36" s="20"/>
      <c r="I36" s="16">
        <v>3330</v>
      </c>
      <c r="J36" s="22">
        <v>1509</v>
      </c>
      <c r="K36" s="22">
        <v>1821</v>
      </c>
    </row>
    <row r="37" spans="1:11" ht="15" customHeight="1">
      <c r="A37" s="20" t="s">
        <v>69</v>
      </c>
      <c r="B37" s="20"/>
      <c r="C37" s="16">
        <v>1713</v>
      </c>
      <c r="D37" s="22">
        <v>876</v>
      </c>
      <c r="E37" s="22">
        <v>837</v>
      </c>
      <c r="F37" s="22"/>
      <c r="G37" s="21" t="s">
        <v>70</v>
      </c>
      <c r="H37" s="20"/>
      <c r="I37" s="16">
        <v>2112</v>
      </c>
      <c r="J37" s="22">
        <v>963</v>
      </c>
      <c r="K37" s="22">
        <v>1149</v>
      </c>
    </row>
    <row r="38" spans="1:11" ht="15" customHeight="1">
      <c r="A38" s="20" t="s">
        <v>71</v>
      </c>
      <c r="B38" s="20"/>
      <c r="C38" s="16">
        <v>1690</v>
      </c>
      <c r="D38" s="22">
        <v>887</v>
      </c>
      <c r="E38" s="22">
        <v>803</v>
      </c>
      <c r="F38" s="22"/>
      <c r="G38" s="21" t="s">
        <v>72</v>
      </c>
      <c r="H38" s="20"/>
      <c r="I38" s="16">
        <v>1998</v>
      </c>
      <c r="J38" s="22">
        <v>959</v>
      </c>
      <c r="K38" s="22">
        <v>1039</v>
      </c>
    </row>
    <row r="39" spans="1:11" ht="15" customHeight="1">
      <c r="A39" s="20" t="s">
        <v>73</v>
      </c>
      <c r="B39" s="20"/>
      <c r="C39" s="16">
        <v>1574</v>
      </c>
      <c r="D39" s="22">
        <v>793</v>
      </c>
      <c r="E39" s="22">
        <v>781</v>
      </c>
      <c r="F39" s="22"/>
      <c r="G39" s="21" t="s">
        <v>74</v>
      </c>
      <c r="H39" s="20"/>
      <c r="I39" s="16">
        <v>2400</v>
      </c>
      <c r="J39" s="22">
        <v>1087</v>
      </c>
      <c r="K39" s="22">
        <v>1313</v>
      </c>
    </row>
    <row r="40" spans="1:11" ht="15" customHeight="1">
      <c r="A40" s="20" t="s">
        <v>75</v>
      </c>
      <c r="B40" s="20"/>
      <c r="C40" s="16">
        <v>1468</v>
      </c>
      <c r="D40" s="22">
        <v>762</v>
      </c>
      <c r="E40" s="22">
        <v>706</v>
      </c>
      <c r="F40" s="22"/>
      <c r="G40" s="21" t="s">
        <v>76</v>
      </c>
      <c r="H40" s="20"/>
      <c r="I40" s="16">
        <v>2472</v>
      </c>
      <c r="J40" s="22">
        <v>1107</v>
      </c>
      <c r="K40" s="22">
        <v>1365</v>
      </c>
    </row>
    <row r="41" spans="1:11" ht="20.100000000000001" customHeight="1">
      <c r="A41" s="20" t="s">
        <v>77</v>
      </c>
      <c r="B41" s="20"/>
      <c r="C41" s="16">
        <v>7877</v>
      </c>
      <c r="D41" s="17">
        <v>4082</v>
      </c>
      <c r="E41" s="17">
        <v>3795</v>
      </c>
      <c r="F41" s="17"/>
      <c r="G41" s="21" t="s">
        <v>78</v>
      </c>
      <c r="H41" s="20"/>
      <c r="I41" s="16">
        <v>9654</v>
      </c>
      <c r="J41" s="17">
        <v>4231</v>
      </c>
      <c r="K41" s="17">
        <v>5423</v>
      </c>
    </row>
    <row r="42" spans="1:11" ht="15" customHeight="1">
      <c r="A42" s="20" t="s">
        <v>79</v>
      </c>
      <c r="B42" s="20"/>
      <c r="C42" s="16">
        <v>1464</v>
      </c>
      <c r="D42" s="22">
        <v>769</v>
      </c>
      <c r="E42" s="22">
        <v>695</v>
      </c>
      <c r="F42" s="22"/>
      <c r="G42" s="21" t="s">
        <v>80</v>
      </c>
      <c r="H42" s="20"/>
      <c r="I42" s="16">
        <v>2297</v>
      </c>
      <c r="J42" s="22">
        <v>1061</v>
      </c>
      <c r="K42" s="22">
        <v>1236</v>
      </c>
    </row>
    <row r="43" spans="1:11" ht="15" customHeight="1">
      <c r="A43" s="20" t="s">
        <v>81</v>
      </c>
      <c r="B43" s="20"/>
      <c r="C43" s="16">
        <v>1528</v>
      </c>
      <c r="D43" s="22">
        <v>791</v>
      </c>
      <c r="E43" s="22">
        <v>737</v>
      </c>
      <c r="F43" s="22"/>
      <c r="G43" s="21" t="s">
        <v>82</v>
      </c>
      <c r="H43" s="20"/>
      <c r="I43" s="16">
        <v>2250</v>
      </c>
      <c r="J43" s="22">
        <v>953</v>
      </c>
      <c r="K43" s="22">
        <v>1297</v>
      </c>
    </row>
    <row r="44" spans="1:11" ht="15" customHeight="1">
      <c r="A44" s="20" t="s">
        <v>83</v>
      </c>
      <c r="B44" s="20"/>
      <c r="C44" s="16">
        <v>1524</v>
      </c>
      <c r="D44" s="22">
        <v>803</v>
      </c>
      <c r="E44" s="22">
        <v>721</v>
      </c>
      <c r="F44" s="22"/>
      <c r="G44" s="21" t="s">
        <v>84</v>
      </c>
      <c r="H44" s="20"/>
      <c r="I44" s="16">
        <v>1950</v>
      </c>
      <c r="J44" s="22">
        <v>804</v>
      </c>
      <c r="K44" s="22">
        <v>1146</v>
      </c>
    </row>
    <row r="45" spans="1:11" ht="15" customHeight="1">
      <c r="A45" s="20" t="s">
        <v>85</v>
      </c>
      <c r="B45" s="20"/>
      <c r="C45" s="16">
        <v>1580</v>
      </c>
      <c r="D45" s="22">
        <v>809</v>
      </c>
      <c r="E45" s="22">
        <v>771</v>
      </c>
      <c r="F45" s="22"/>
      <c r="G45" s="21" t="s">
        <v>86</v>
      </c>
      <c r="H45" s="20"/>
      <c r="I45" s="16">
        <v>1674</v>
      </c>
      <c r="J45" s="22">
        <v>758</v>
      </c>
      <c r="K45" s="22">
        <v>916</v>
      </c>
    </row>
    <row r="46" spans="1:11" ht="15" customHeight="1">
      <c r="A46" s="20" t="s">
        <v>87</v>
      </c>
      <c r="B46" s="20"/>
      <c r="C46" s="16">
        <v>1781</v>
      </c>
      <c r="D46" s="22">
        <v>910</v>
      </c>
      <c r="E46" s="22">
        <v>871</v>
      </c>
      <c r="F46" s="22"/>
      <c r="G46" s="21" t="s">
        <v>88</v>
      </c>
      <c r="H46" s="20"/>
      <c r="I46" s="16">
        <v>1483</v>
      </c>
      <c r="J46" s="22">
        <v>655</v>
      </c>
      <c r="K46" s="22">
        <v>828</v>
      </c>
    </row>
    <row r="47" spans="1:11" ht="20.100000000000001" customHeight="1">
      <c r="A47" s="20" t="s">
        <v>89</v>
      </c>
      <c r="B47" s="20"/>
      <c r="C47" s="16">
        <v>9459</v>
      </c>
      <c r="D47" s="17">
        <v>4801</v>
      </c>
      <c r="E47" s="17">
        <v>4658</v>
      </c>
      <c r="F47" s="17"/>
      <c r="G47" s="21" t="s">
        <v>90</v>
      </c>
      <c r="H47" s="20"/>
      <c r="I47" s="16">
        <v>6428</v>
      </c>
      <c r="J47" s="17">
        <v>2570</v>
      </c>
      <c r="K47" s="17">
        <v>3858</v>
      </c>
    </row>
    <row r="48" spans="1:11" ht="15" customHeight="1">
      <c r="A48" s="20" t="s">
        <v>91</v>
      </c>
      <c r="B48" s="20"/>
      <c r="C48" s="16">
        <v>1758</v>
      </c>
      <c r="D48" s="22">
        <v>917</v>
      </c>
      <c r="E48" s="22">
        <v>841</v>
      </c>
      <c r="F48" s="22"/>
      <c r="G48" s="21" t="s">
        <v>92</v>
      </c>
      <c r="H48" s="20"/>
      <c r="I48" s="16">
        <v>1582</v>
      </c>
      <c r="J48" s="22">
        <v>656</v>
      </c>
      <c r="K48" s="22">
        <v>926</v>
      </c>
    </row>
    <row r="49" spans="1:11" ht="15" customHeight="1">
      <c r="A49" s="20" t="s">
        <v>93</v>
      </c>
      <c r="B49" s="20"/>
      <c r="C49" s="16">
        <v>1773</v>
      </c>
      <c r="D49" s="22">
        <v>919</v>
      </c>
      <c r="E49" s="22">
        <v>854</v>
      </c>
      <c r="F49" s="22"/>
      <c r="G49" s="21" t="s">
        <v>94</v>
      </c>
      <c r="H49" s="20"/>
      <c r="I49" s="16">
        <v>1430</v>
      </c>
      <c r="J49" s="22">
        <v>611</v>
      </c>
      <c r="K49" s="22">
        <v>819</v>
      </c>
    </row>
    <row r="50" spans="1:11" ht="15" customHeight="1">
      <c r="A50" s="20" t="s">
        <v>95</v>
      </c>
      <c r="B50" s="20"/>
      <c r="C50" s="16">
        <v>1861</v>
      </c>
      <c r="D50" s="22">
        <v>945</v>
      </c>
      <c r="E50" s="22">
        <v>916</v>
      </c>
      <c r="F50" s="22"/>
      <c r="G50" s="21" t="s">
        <v>96</v>
      </c>
      <c r="H50" s="20"/>
      <c r="I50" s="16">
        <v>1348</v>
      </c>
      <c r="J50" s="22">
        <v>535</v>
      </c>
      <c r="K50" s="22">
        <v>813</v>
      </c>
    </row>
    <row r="51" spans="1:11" ht="15" customHeight="1">
      <c r="A51" s="20" t="s">
        <v>97</v>
      </c>
      <c r="B51" s="20"/>
      <c r="C51" s="16">
        <v>1996</v>
      </c>
      <c r="D51" s="22">
        <v>999</v>
      </c>
      <c r="E51" s="22">
        <v>997</v>
      </c>
      <c r="F51" s="22"/>
      <c r="G51" s="21" t="s">
        <v>98</v>
      </c>
      <c r="H51" s="20"/>
      <c r="I51" s="16">
        <v>1060</v>
      </c>
      <c r="J51" s="22">
        <v>389</v>
      </c>
      <c r="K51" s="22">
        <v>671</v>
      </c>
    </row>
    <row r="52" spans="1:11" ht="15" customHeight="1">
      <c r="A52" s="20" t="s">
        <v>99</v>
      </c>
      <c r="B52" s="20"/>
      <c r="C52" s="16">
        <v>2071</v>
      </c>
      <c r="D52" s="22">
        <v>1021</v>
      </c>
      <c r="E52" s="22">
        <v>1050</v>
      </c>
      <c r="F52" s="22"/>
      <c r="G52" s="21" t="s">
        <v>100</v>
      </c>
      <c r="H52" s="20"/>
      <c r="I52" s="16">
        <v>1008</v>
      </c>
      <c r="J52" s="22">
        <v>379</v>
      </c>
      <c r="K52" s="22">
        <v>629</v>
      </c>
    </row>
    <row r="53" spans="1:11" ht="20.100000000000001" customHeight="1">
      <c r="A53" s="20" t="s">
        <v>101</v>
      </c>
      <c r="B53" s="20"/>
      <c r="C53" s="16">
        <v>11212</v>
      </c>
      <c r="D53" s="17">
        <v>5634</v>
      </c>
      <c r="E53" s="17">
        <v>5578</v>
      </c>
      <c r="F53" s="17"/>
      <c r="G53" s="21" t="s">
        <v>102</v>
      </c>
      <c r="H53" s="20"/>
      <c r="I53" s="16">
        <v>2849</v>
      </c>
      <c r="J53" s="17">
        <v>870</v>
      </c>
      <c r="K53" s="17">
        <v>1979</v>
      </c>
    </row>
    <row r="54" spans="1:11" ht="15" customHeight="1">
      <c r="A54" s="20" t="s">
        <v>103</v>
      </c>
      <c r="B54" s="20"/>
      <c r="C54" s="16">
        <v>2034</v>
      </c>
      <c r="D54" s="22">
        <v>1052</v>
      </c>
      <c r="E54" s="22">
        <v>982</v>
      </c>
      <c r="F54" s="22"/>
      <c r="G54" s="21" t="s">
        <v>104</v>
      </c>
      <c r="H54" s="20"/>
      <c r="I54" s="16">
        <v>790</v>
      </c>
      <c r="J54" s="22">
        <v>266</v>
      </c>
      <c r="K54" s="22">
        <v>524</v>
      </c>
    </row>
    <row r="55" spans="1:11" ht="15" customHeight="1">
      <c r="A55" s="20" t="s">
        <v>105</v>
      </c>
      <c r="B55" s="20"/>
      <c r="C55" s="16">
        <v>2214</v>
      </c>
      <c r="D55" s="22">
        <v>1141</v>
      </c>
      <c r="E55" s="22">
        <v>1073</v>
      </c>
      <c r="F55" s="22"/>
      <c r="G55" s="21" t="s">
        <v>106</v>
      </c>
      <c r="H55" s="20"/>
      <c r="I55" s="16">
        <v>690</v>
      </c>
      <c r="J55" s="22">
        <v>217</v>
      </c>
      <c r="K55" s="22">
        <v>473</v>
      </c>
    </row>
    <row r="56" spans="1:11" ht="15" customHeight="1">
      <c r="A56" s="20" t="s">
        <v>107</v>
      </c>
      <c r="B56" s="20"/>
      <c r="C56" s="16">
        <v>2264</v>
      </c>
      <c r="D56" s="22">
        <v>1069</v>
      </c>
      <c r="E56" s="22">
        <v>1195</v>
      </c>
      <c r="F56" s="22"/>
      <c r="G56" s="21" t="s">
        <v>108</v>
      </c>
      <c r="H56" s="20"/>
      <c r="I56" s="16">
        <v>526</v>
      </c>
      <c r="J56" s="22">
        <v>154</v>
      </c>
      <c r="K56" s="22">
        <v>372</v>
      </c>
    </row>
    <row r="57" spans="1:11" ht="15" customHeight="1">
      <c r="A57" s="20" t="s">
        <v>109</v>
      </c>
      <c r="B57" s="20"/>
      <c r="C57" s="16">
        <v>2320</v>
      </c>
      <c r="D57" s="22">
        <v>1171</v>
      </c>
      <c r="E57" s="22">
        <v>1149</v>
      </c>
      <c r="F57" s="22"/>
      <c r="G57" s="21" t="s">
        <v>110</v>
      </c>
      <c r="H57" s="20"/>
      <c r="I57" s="16">
        <v>456</v>
      </c>
      <c r="J57" s="22">
        <v>118</v>
      </c>
      <c r="K57" s="22">
        <v>338</v>
      </c>
    </row>
    <row r="58" spans="1:11" ht="15" customHeight="1">
      <c r="A58" s="20" t="s">
        <v>111</v>
      </c>
      <c r="B58" s="20"/>
      <c r="C58" s="16">
        <v>2380</v>
      </c>
      <c r="D58" s="22">
        <v>1201</v>
      </c>
      <c r="E58" s="22">
        <v>1179</v>
      </c>
      <c r="F58" s="22"/>
      <c r="G58" s="21" t="s">
        <v>112</v>
      </c>
      <c r="H58" s="20"/>
      <c r="I58" s="16">
        <v>387</v>
      </c>
      <c r="J58" s="22">
        <v>115</v>
      </c>
      <c r="K58" s="22">
        <v>272</v>
      </c>
    </row>
    <row r="59" spans="1:11" ht="20.100000000000001" customHeight="1">
      <c r="A59" s="20" t="s">
        <v>113</v>
      </c>
      <c r="B59" s="20"/>
      <c r="C59" s="16">
        <v>14222</v>
      </c>
      <c r="D59" s="17">
        <v>7127</v>
      </c>
      <c r="E59" s="17">
        <v>7095</v>
      </c>
      <c r="F59" s="17"/>
      <c r="G59" s="21" t="s">
        <v>114</v>
      </c>
      <c r="H59" s="20"/>
      <c r="I59" s="16">
        <v>744</v>
      </c>
      <c r="J59" s="17">
        <v>169</v>
      </c>
      <c r="K59" s="17">
        <v>575</v>
      </c>
    </row>
    <row r="60" spans="1:11" ht="15" customHeight="1">
      <c r="A60" s="20" t="s">
        <v>115</v>
      </c>
      <c r="B60" s="20"/>
      <c r="C60" s="16">
        <v>2586</v>
      </c>
      <c r="D60" s="22">
        <v>1277</v>
      </c>
      <c r="E60" s="22">
        <v>1309</v>
      </c>
      <c r="F60" s="22"/>
      <c r="G60" s="21" t="s">
        <v>116</v>
      </c>
      <c r="H60" s="20"/>
      <c r="I60" s="16">
        <v>238</v>
      </c>
      <c r="J60" s="22">
        <v>69</v>
      </c>
      <c r="K60" s="22">
        <v>169</v>
      </c>
    </row>
    <row r="61" spans="1:11" ht="15" customHeight="1">
      <c r="A61" s="20" t="s">
        <v>117</v>
      </c>
      <c r="B61" s="20"/>
      <c r="C61" s="16">
        <v>2625</v>
      </c>
      <c r="D61" s="22">
        <v>1320</v>
      </c>
      <c r="E61" s="22">
        <v>1305</v>
      </c>
      <c r="F61" s="22"/>
      <c r="G61" s="21" t="s">
        <v>118</v>
      </c>
      <c r="H61" s="20"/>
      <c r="I61" s="16">
        <v>180</v>
      </c>
      <c r="J61" s="22">
        <v>39</v>
      </c>
      <c r="K61" s="22">
        <v>141</v>
      </c>
    </row>
    <row r="62" spans="1:11" ht="15" customHeight="1">
      <c r="A62" s="20" t="s">
        <v>119</v>
      </c>
      <c r="B62" s="20"/>
      <c r="C62" s="16">
        <v>2784</v>
      </c>
      <c r="D62" s="22">
        <v>1392</v>
      </c>
      <c r="E62" s="22">
        <v>1392</v>
      </c>
      <c r="F62" s="22"/>
      <c r="G62" s="21" t="s">
        <v>120</v>
      </c>
      <c r="H62" s="20"/>
      <c r="I62" s="16">
        <v>162</v>
      </c>
      <c r="J62" s="22">
        <v>34</v>
      </c>
      <c r="K62" s="22">
        <v>128</v>
      </c>
    </row>
    <row r="63" spans="1:11" ht="15" customHeight="1">
      <c r="A63" s="20" t="s">
        <v>121</v>
      </c>
      <c r="B63" s="20"/>
      <c r="C63" s="16">
        <v>3037</v>
      </c>
      <c r="D63" s="22">
        <v>1519</v>
      </c>
      <c r="E63" s="22">
        <v>1518</v>
      </c>
      <c r="F63" s="22"/>
      <c r="G63" s="21" t="s">
        <v>122</v>
      </c>
      <c r="H63" s="20"/>
      <c r="I63" s="16">
        <v>103</v>
      </c>
      <c r="J63" s="22">
        <v>18</v>
      </c>
      <c r="K63" s="22">
        <v>85</v>
      </c>
    </row>
    <row r="64" spans="1:11" ht="15" customHeight="1">
      <c r="A64" s="20" t="s">
        <v>123</v>
      </c>
      <c r="B64" s="20"/>
      <c r="C64" s="16">
        <v>3190</v>
      </c>
      <c r="D64" s="22">
        <v>1619</v>
      </c>
      <c r="E64" s="22">
        <v>1571</v>
      </c>
      <c r="F64" s="22"/>
      <c r="G64" s="21" t="s">
        <v>124</v>
      </c>
      <c r="H64" s="20"/>
      <c r="I64" s="16">
        <v>61</v>
      </c>
      <c r="J64" s="22">
        <v>9</v>
      </c>
      <c r="K64" s="22">
        <v>52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17</v>
      </c>
      <c r="J65" s="22">
        <v>8</v>
      </c>
      <c r="K65" s="22">
        <v>109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4463</v>
      </c>
      <c r="J66" s="32">
        <v>1991</v>
      </c>
      <c r="K66" s="32">
        <v>2472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68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362084</v>
      </c>
      <c r="D4" s="17">
        <v>180448</v>
      </c>
      <c r="E4" s="17">
        <v>181636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4520</v>
      </c>
      <c r="D5" s="17">
        <v>7455</v>
      </c>
      <c r="E5" s="17">
        <v>7065</v>
      </c>
      <c r="F5" s="17"/>
      <c r="G5" s="21" t="s">
        <v>6</v>
      </c>
      <c r="H5" s="20"/>
      <c r="I5" s="16">
        <v>29550</v>
      </c>
      <c r="J5" s="17">
        <v>14928</v>
      </c>
      <c r="K5" s="17">
        <v>14622</v>
      </c>
    </row>
    <row r="6" spans="1:11" ht="15" customHeight="1">
      <c r="A6" s="20" t="s">
        <v>7</v>
      </c>
      <c r="B6" s="20"/>
      <c r="C6" s="16">
        <v>2949</v>
      </c>
      <c r="D6" s="22">
        <v>1511</v>
      </c>
      <c r="E6" s="22">
        <v>1438</v>
      </c>
      <c r="F6" s="22"/>
      <c r="G6" s="21" t="s">
        <v>8</v>
      </c>
      <c r="H6" s="20"/>
      <c r="I6" s="16">
        <v>5956</v>
      </c>
      <c r="J6" s="22">
        <v>2963</v>
      </c>
      <c r="K6" s="22">
        <v>2993</v>
      </c>
    </row>
    <row r="7" spans="1:11" ht="15" customHeight="1">
      <c r="A7" s="20" t="s">
        <v>9</v>
      </c>
      <c r="B7" s="20"/>
      <c r="C7" s="16">
        <v>2973</v>
      </c>
      <c r="D7" s="22">
        <v>1494</v>
      </c>
      <c r="E7" s="22">
        <v>1479</v>
      </c>
      <c r="F7" s="22"/>
      <c r="G7" s="21" t="s">
        <v>10</v>
      </c>
      <c r="H7" s="20"/>
      <c r="I7" s="16">
        <v>6061</v>
      </c>
      <c r="J7" s="22">
        <v>3031</v>
      </c>
      <c r="K7" s="22">
        <v>3030</v>
      </c>
    </row>
    <row r="8" spans="1:11" ht="15" customHeight="1">
      <c r="A8" s="20" t="s">
        <v>11</v>
      </c>
      <c r="B8" s="20"/>
      <c r="C8" s="16">
        <v>2824</v>
      </c>
      <c r="D8" s="22">
        <v>1439</v>
      </c>
      <c r="E8" s="22">
        <v>1385</v>
      </c>
      <c r="F8" s="22"/>
      <c r="G8" s="21" t="s">
        <v>12</v>
      </c>
      <c r="H8" s="20"/>
      <c r="I8" s="16">
        <v>5992</v>
      </c>
      <c r="J8" s="22">
        <v>3019</v>
      </c>
      <c r="K8" s="22">
        <v>2973</v>
      </c>
    </row>
    <row r="9" spans="1:11" ht="15" customHeight="1">
      <c r="A9" s="20" t="s">
        <v>13</v>
      </c>
      <c r="B9" s="20"/>
      <c r="C9" s="16">
        <v>2793</v>
      </c>
      <c r="D9" s="22">
        <v>1441</v>
      </c>
      <c r="E9" s="22">
        <v>1352</v>
      </c>
      <c r="F9" s="22"/>
      <c r="G9" s="21" t="s">
        <v>14</v>
      </c>
      <c r="H9" s="20"/>
      <c r="I9" s="16">
        <v>5818</v>
      </c>
      <c r="J9" s="22">
        <v>3001</v>
      </c>
      <c r="K9" s="22">
        <v>2817</v>
      </c>
    </row>
    <row r="10" spans="1:11" ht="15" customHeight="1">
      <c r="A10" s="20" t="s">
        <v>15</v>
      </c>
      <c r="B10" s="20"/>
      <c r="C10" s="16">
        <v>2981</v>
      </c>
      <c r="D10" s="22">
        <v>1570</v>
      </c>
      <c r="E10" s="22">
        <v>1411</v>
      </c>
      <c r="F10" s="22"/>
      <c r="G10" s="21" t="s">
        <v>16</v>
      </c>
      <c r="H10" s="20"/>
      <c r="I10" s="16">
        <v>5723</v>
      </c>
      <c r="J10" s="22">
        <v>2914</v>
      </c>
      <c r="K10" s="22">
        <v>2809</v>
      </c>
    </row>
    <row r="11" spans="1:11" ht="20.100000000000001" customHeight="1">
      <c r="A11" s="20" t="s">
        <v>17</v>
      </c>
      <c r="B11" s="20"/>
      <c r="C11" s="16">
        <v>14710</v>
      </c>
      <c r="D11" s="17">
        <v>7622</v>
      </c>
      <c r="E11" s="17">
        <v>7088</v>
      </c>
      <c r="F11" s="17"/>
      <c r="G11" s="21" t="s">
        <v>18</v>
      </c>
      <c r="H11" s="20"/>
      <c r="I11" s="16">
        <v>24681</v>
      </c>
      <c r="J11" s="17">
        <v>12881</v>
      </c>
      <c r="K11" s="17">
        <v>11800</v>
      </c>
    </row>
    <row r="12" spans="1:11" ht="15" customHeight="1">
      <c r="A12" s="20" t="s">
        <v>19</v>
      </c>
      <c r="B12" s="20"/>
      <c r="C12" s="16">
        <v>2838</v>
      </c>
      <c r="D12" s="22">
        <v>1503</v>
      </c>
      <c r="E12" s="22">
        <v>1335</v>
      </c>
      <c r="F12" s="22"/>
      <c r="G12" s="21" t="s">
        <v>20</v>
      </c>
      <c r="H12" s="20"/>
      <c r="I12" s="16">
        <v>5967</v>
      </c>
      <c r="J12" s="22">
        <v>3099</v>
      </c>
      <c r="K12" s="22">
        <v>2868</v>
      </c>
    </row>
    <row r="13" spans="1:11" ht="15" customHeight="1">
      <c r="A13" s="20" t="s">
        <v>21</v>
      </c>
      <c r="B13" s="20"/>
      <c r="C13" s="16">
        <v>2960</v>
      </c>
      <c r="D13" s="22">
        <v>1516</v>
      </c>
      <c r="E13" s="22">
        <v>1444</v>
      </c>
      <c r="F13" s="22"/>
      <c r="G13" s="21" t="s">
        <v>22</v>
      </c>
      <c r="H13" s="20"/>
      <c r="I13" s="16">
        <v>4148</v>
      </c>
      <c r="J13" s="22">
        <v>2128</v>
      </c>
      <c r="K13" s="22">
        <v>2020</v>
      </c>
    </row>
    <row r="14" spans="1:11" ht="15" customHeight="1">
      <c r="A14" s="20" t="s">
        <v>23</v>
      </c>
      <c r="B14" s="20"/>
      <c r="C14" s="16">
        <v>3046</v>
      </c>
      <c r="D14" s="22">
        <v>1612</v>
      </c>
      <c r="E14" s="22">
        <v>1434</v>
      </c>
      <c r="F14" s="22"/>
      <c r="G14" s="21" t="s">
        <v>24</v>
      </c>
      <c r="H14" s="20"/>
      <c r="I14" s="16">
        <v>5350</v>
      </c>
      <c r="J14" s="22">
        <v>2832</v>
      </c>
      <c r="K14" s="22">
        <v>2518</v>
      </c>
    </row>
    <row r="15" spans="1:11" ht="15" customHeight="1">
      <c r="A15" s="20" t="s">
        <v>25</v>
      </c>
      <c r="B15" s="20"/>
      <c r="C15" s="16">
        <v>2983</v>
      </c>
      <c r="D15" s="22">
        <v>1521</v>
      </c>
      <c r="E15" s="22">
        <v>1462</v>
      </c>
      <c r="F15" s="22"/>
      <c r="G15" s="21" t="s">
        <v>26</v>
      </c>
      <c r="H15" s="20"/>
      <c r="I15" s="16">
        <v>4770</v>
      </c>
      <c r="J15" s="22">
        <v>2478</v>
      </c>
      <c r="K15" s="22">
        <v>2292</v>
      </c>
    </row>
    <row r="16" spans="1:11" ht="15" customHeight="1">
      <c r="A16" s="20" t="s">
        <v>27</v>
      </c>
      <c r="B16" s="20"/>
      <c r="C16" s="16">
        <v>2883</v>
      </c>
      <c r="D16" s="22">
        <v>1470</v>
      </c>
      <c r="E16" s="22">
        <v>1413</v>
      </c>
      <c r="F16" s="22"/>
      <c r="G16" s="21" t="s">
        <v>28</v>
      </c>
      <c r="H16" s="20"/>
      <c r="I16" s="16">
        <v>4446</v>
      </c>
      <c r="J16" s="22">
        <v>2344</v>
      </c>
      <c r="K16" s="22">
        <v>2102</v>
      </c>
    </row>
    <row r="17" spans="1:11" ht="20.100000000000001" customHeight="1">
      <c r="A17" s="24" t="s">
        <v>29</v>
      </c>
      <c r="B17" s="24"/>
      <c r="C17" s="16">
        <v>14068</v>
      </c>
      <c r="D17" s="17">
        <v>7182</v>
      </c>
      <c r="E17" s="17">
        <v>6886</v>
      </c>
      <c r="F17" s="17"/>
      <c r="G17" s="21" t="s">
        <v>30</v>
      </c>
      <c r="H17" s="20"/>
      <c r="I17" s="16">
        <v>18691</v>
      </c>
      <c r="J17" s="17">
        <v>9560</v>
      </c>
      <c r="K17" s="17">
        <v>9131</v>
      </c>
    </row>
    <row r="18" spans="1:11" ht="15" customHeight="1">
      <c r="A18" s="20" t="s">
        <v>31</v>
      </c>
      <c r="B18" s="20"/>
      <c r="C18" s="16">
        <v>2852</v>
      </c>
      <c r="D18" s="22">
        <v>1449</v>
      </c>
      <c r="E18" s="22">
        <v>1403</v>
      </c>
      <c r="F18" s="22"/>
      <c r="G18" s="21" t="s">
        <v>32</v>
      </c>
      <c r="H18" s="20"/>
      <c r="I18" s="16">
        <v>4115</v>
      </c>
      <c r="J18" s="22">
        <v>2107</v>
      </c>
      <c r="K18" s="22">
        <v>2008</v>
      </c>
    </row>
    <row r="19" spans="1:11" ht="15" customHeight="1">
      <c r="A19" s="20" t="s">
        <v>33</v>
      </c>
      <c r="B19" s="20"/>
      <c r="C19" s="16">
        <v>2916</v>
      </c>
      <c r="D19" s="22">
        <v>1512</v>
      </c>
      <c r="E19" s="22">
        <v>1404</v>
      </c>
      <c r="F19" s="22"/>
      <c r="G19" s="21" t="s">
        <v>34</v>
      </c>
      <c r="H19" s="20"/>
      <c r="I19" s="16">
        <v>3879</v>
      </c>
      <c r="J19" s="22">
        <v>1998</v>
      </c>
      <c r="K19" s="22">
        <v>1881</v>
      </c>
    </row>
    <row r="20" spans="1:11" ht="15" customHeight="1">
      <c r="A20" s="20" t="s">
        <v>35</v>
      </c>
      <c r="B20" s="20"/>
      <c r="C20" s="16">
        <v>2811</v>
      </c>
      <c r="D20" s="22">
        <v>1482</v>
      </c>
      <c r="E20" s="22">
        <v>1329</v>
      </c>
      <c r="F20" s="22"/>
      <c r="G20" s="21" t="s">
        <v>36</v>
      </c>
      <c r="H20" s="20"/>
      <c r="I20" s="16">
        <v>3772</v>
      </c>
      <c r="J20" s="22">
        <v>1911</v>
      </c>
      <c r="K20" s="22">
        <v>1861</v>
      </c>
    </row>
    <row r="21" spans="1:11" ht="15" customHeight="1">
      <c r="A21" s="20" t="s">
        <v>37</v>
      </c>
      <c r="B21" s="20"/>
      <c r="C21" s="16">
        <v>2738</v>
      </c>
      <c r="D21" s="22">
        <v>1319</v>
      </c>
      <c r="E21" s="22">
        <v>1419</v>
      </c>
      <c r="F21" s="22"/>
      <c r="G21" s="21" t="s">
        <v>38</v>
      </c>
      <c r="H21" s="20"/>
      <c r="I21" s="16">
        <v>3555</v>
      </c>
      <c r="J21" s="22">
        <v>1857</v>
      </c>
      <c r="K21" s="22">
        <v>1698</v>
      </c>
    </row>
    <row r="22" spans="1:11" ht="15" customHeight="1">
      <c r="A22" s="20" t="s">
        <v>39</v>
      </c>
      <c r="B22" s="20"/>
      <c r="C22" s="16">
        <v>2751</v>
      </c>
      <c r="D22" s="22">
        <v>1420</v>
      </c>
      <c r="E22" s="22">
        <v>1331</v>
      </c>
      <c r="F22" s="22"/>
      <c r="G22" s="21" t="s">
        <v>40</v>
      </c>
      <c r="H22" s="20"/>
      <c r="I22" s="16">
        <v>3370</v>
      </c>
      <c r="J22" s="22">
        <v>1687</v>
      </c>
      <c r="K22" s="22">
        <v>1683</v>
      </c>
    </row>
    <row r="23" spans="1:11" ht="20.100000000000001" customHeight="1">
      <c r="A23" s="20" t="s">
        <v>41</v>
      </c>
      <c r="B23" s="20"/>
      <c r="C23" s="16">
        <v>13715</v>
      </c>
      <c r="D23" s="17">
        <v>6977</v>
      </c>
      <c r="E23" s="17">
        <v>6738</v>
      </c>
      <c r="F23" s="17"/>
      <c r="G23" s="21" t="s">
        <v>42</v>
      </c>
      <c r="H23" s="20"/>
      <c r="I23" s="16">
        <v>15128</v>
      </c>
      <c r="J23" s="17">
        <v>7497</v>
      </c>
      <c r="K23" s="17">
        <v>7631</v>
      </c>
    </row>
    <row r="24" spans="1:11" ht="15" customHeight="1">
      <c r="A24" s="20" t="s">
        <v>43</v>
      </c>
      <c r="B24" s="20"/>
      <c r="C24" s="16">
        <v>2723</v>
      </c>
      <c r="D24" s="22">
        <v>1393</v>
      </c>
      <c r="E24" s="22">
        <v>1330</v>
      </c>
      <c r="F24" s="22"/>
      <c r="G24" s="21" t="s">
        <v>44</v>
      </c>
      <c r="H24" s="20"/>
      <c r="I24" s="16">
        <v>3040</v>
      </c>
      <c r="J24" s="22">
        <v>1520</v>
      </c>
      <c r="K24" s="22">
        <v>1520</v>
      </c>
    </row>
    <row r="25" spans="1:11" ht="15" customHeight="1">
      <c r="A25" s="20" t="s">
        <v>45</v>
      </c>
      <c r="B25" s="20"/>
      <c r="C25" s="16">
        <v>2735</v>
      </c>
      <c r="D25" s="22">
        <v>1418</v>
      </c>
      <c r="E25" s="22">
        <v>1317</v>
      </c>
      <c r="F25" s="22"/>
      <c r="G25" s="21" t="s">
        <v>46</v>
      </c>
      <c r="H25" s="20"/>
      <c r="I25" s="16">
        <v>3074</v>
      </c>
      <c r="J25" s="22">
        <v>1520</v>
      </c>
      <c r="K25" s="22">
        <v>1554</v>
      </c>
    </row>
    <row r="26" spans="1:11" ht="15" customHeight="1">
      <c r="A26" s="20" t="s">
        <v>47</v>
      </c>
      <c r="B26" s="20"/>
      <c r="C26" s="16">
        <v>2519</v>
      </c>
      <c r="D26" s="22">
        <v>1247</v>
      </c>
      <c r="E26" s="22">
        <v>1272</v>
      </c>
      <c r="F26" s="22"/>
      <c r="G26" s="21" t="s">
        <v>48</v>
      </c>
      <c r="H26" s="20"/>
      <c r="I26" s="16">
        <v>3138</v>
      </c>
      <c r="J26" s="22">
        <v>1584</v>
      </c>
      <c r="K26" s="22">
        <v>1554</v>
      </c>
    </row>
    <row r="27" spans="1:11" ht="15" customHeight="1">
      <c r="A27" s="20" t="s">
        <v>49</v>
      </c>
      <c r="B27" s="20"/>
      <c r="C27" s="16">
        <v>2828</v>
      </c>
      <c r="D27" s="22">
        <v>1422</v>
      </c>
      <c r="E27" s="22">
        <v>1406</v>
      </c>
      <c r="F27" s="22"/>
      <c r="G27" s="21" t="s">
        <v>50</v>
      </c>
      <c r="H27" s="20"/>
      <c r="I27" s="16">
        <v>2926</v>
      </c>
      <c r="J27" s="22">
        <v>1424</v>
      </c>
      <c r="K27" s="22">
        <v>1502</v>
      </c>
    </row>
    <row r="28" spans="1:11" ht="15" customHeight="1">
      <c r="A28" s="20" t="s">
        <v>51</v>
      </c>
      <c r="B28" s="20"/>
      <c r="C28" s="16">
        <v>2910</v>
      </c>
      <c r="D28" s="22">
        <v>1497</v>
      </c>
      <c r="E28" s="22">
        <v>1413</v>
      </c>
      <c r="F28" s="22"/>
      <c r="G28" s="21" t="s">
        <v>52</v>
      </c>
      <c r="H28" s="20"/>
      <c r="I28" s="16">
        <v>2950</v>
      </c>
      <c r="J28" s="22">
        <v>1449</v>
      </c>
      <c r="K28" s="22">
        <v>1501</v>
      </c>
    </row>
    <row r="29" spans="1:11" ht="20.100000000000001" customHeight="1">
      <c r="A29" s="20" t="s">
        <v>53</v>
      </c>
      <c r="B29" s="20"/>
      <c r="C29" s="16">
        <v>20884</v>
      </c>
      <c r="D29" s="17">
        <v>10572</v>
      </c>
      <c r="E29" s="17">
        <v>10312</v>
      </c>
      <c r="F29" s="17"/>
      <c r="G29" s="21" t="s">
        <v>54</v>
      </c>
      <c r="H29" s="20"/>
      <c r="I29" s="16">
        <v>17346</v>
      </c>
      <c r="J29" s="17">
        <v>8223</v>
      </c>
      <c r="K29" s="17">
        <v>9123</v>
      </c>
    </row>
    <row r="30" spans="1:11" ht="15" customHeight="1">
      <c r="A30" s="20" t="s">
        <v>55</v>
      </c>
      <c r="B30" s="20"/>
      <c r="C30" s="16">
        <v>3265</v>
      </c>
      <c r="D30" s="22">
        <v>1651</v>
      </c>
      <c r="E30" s="22">
        <v>1614</v>
      </c>
      <c r="F30" s="22"/>
      <c r="G30" s="21" t="s">
        <v>56</v>
      </c>
      <c r="H30" s="20"/>
      <c r="I30" s="16">
        <v>3144</v>
      </c>
      <c r="J30" s="22">
        <v>1485</v>
      </c>
      <c r="K30" s="22">
        <v>1659</v>
      </c>
    </row>
    <row r="31" spans="1:11" ht="15" customHeight="1">
      <c r="A31" s="20" t="s">
        <v>57</v>
      </c>
      <c r="B31" s="20"/>
      <c r="C31" s="16">
        <v>3684</v>
      </c>
      <c r="D31" s="22">
        <v>1871</v>
      </c>
      <c r="E31" s="22">
        <v>1813</v>
      </c>
      <c r="F31" s="22"/>
      <c r="G31" s="21" t="s">
        <v>58</v>
      </c>
      <c r="H31" s="20"/>
      <c r="I31" s="16">
        <v>3187</v>
      </c>
      <c r="J31" s="22">
        <v>1517</v>
      </c>
      <c r="K31" s="22">
        <v>1670</v>
      </c>
    </row>
    <row r="32" spans="1:11" ht="15" customHeight="1">
      <c r="A32" s="20" t="s">
        <v>59</v>
      </c>
      <c r="B32" s="20"/>
      <c r="C32" s="16">
        <v>4202</v>
      </c>
      <c r="D32" s="22">
        <v>2116</v>
      </c>
      <c r="E32" s="22">
        <v>2086</v>
      </c>
      <c r="F32" s="22"/>
      <c r="G32" s="21" t="s">
        <v>60</v>
      </c>
      <c r="H32" s="20"/>
      <c r="I32" s="16">
        <v>3294</v>
      </c>
      <c r="J32" s="22">
        <v>1558</v>
      </c>
      <c r="K32" s="22">
        <v>1736</v>
      </c>
    </row>
    <row r="33" spans="1:11" ht="15" customHeight="1">
      <c r="A33" s="20" t="s">
        <v>61</v>
      </c>
      <c r="B33" s="20"/>
      <c r="C33" s="16">
        <v>4702</v>
      </c>
      <c r="D33" s="22">
        <v>2435</v>
      </c>
      <c r="E33" s="22">
        <v>2267</v>
      </c>
      <c r="F33" s="22"/>
      <c r="G33" s="21" t="s">
        <v>62</v>
      </c>
      <c r="H33" s="20"/>
      <c r="I33" s="16">
        <v>3890</v>
      </c>
      <c r="J33" s="22">
        <v>1846</v>
      </c>
      <c r="K33" s="22">
        <v>2044</v>
      </c>
    </row>
    <row r="34" spans="1:11" ht="15" customHeight="1">
      <c r="A34" s="20" t="s">
        <v>63</v>
      </c>
      <c r="B34" s="20"/>
      <c r="C34" s="16">
        <v>5031</v>
      </c>
      <c r="D34" s="22">
        <v>2499</v>
      </c>
      <c r="E34" s="22">
        <v>2532</v>
      </c>
      <c r="F34" s="22"/>
      <c r="G34" s="21" t="s">
        <v>64</v>
      </c>
      <c r="H34" s="20"/>
      <c r="I34" s="16">
        <v>3831</v>
      </c>
      <c r="J34" s="22">
        <v>1817</v>
      </c>
      <c r="K34" s="22">
        <v>2014</v>
      </c>
    </row>
    <row r="35" spans="1:11" ht="20.100000000000001" customHeight="1">
      <c r="A35" s="20" t="s">
        <v>65</v>
      </c>
      <c r="B35" s="20"/>
      <c r="C35" s="16">
        <v>25387</v>
      </c>
      <c r="D35" s="17">
        <v>12836</v>
      </c>
      <c r="E35" s="17">
        <v>12551</v>
      </c>
      <c r="F35" s="17"/>
      <c r="G35" s="21" t="s">
        <v>66</v>
      </c>
      <c r="H35" s="20"/>
      <c r="I35" s="16">
        <v>13891</v>
      </c>
      <c r="J35" s="17">
        <v>6202</v>
      </c>
      <c r="K35" s="17">
        <v>7689</v>
      </c>
    </row>
    <row r="36" spans="1:11" ht="15" customHeight="1">
      <c r="A36" s="20" t="s">
        <v>67</v>
      </c>
      <c r="B36" s="20"/>
      <c r="C36" s="16">
        <v>5073</v>
      </c>
      <c r="D36" s="22">
        <v>2576</v>
      </c>
      <c r="E36" s="22">
        <v>2497</v>
      </c>
      <c r="F36" s="22"/>
      <c r="G36" s="21" t="s">
        <v>68</v>
      </c>
      <c r="H36" s="20"/>
      <c r="I36" s="16">
        <v>3714</v>
      </c>
      <c r="J36" s="22">
        <v>1731</v>
      </c>
      <c r="K36" s="22">
        <v>1983</v>
      </c>
    </row>
    <row r="37" spans="1:11" ht="15" customHeight="1">
      <c r="A37" s="20" t="s">
        <v>69</v>
      </c>
      <c r="B37" s="20"/>
      <c r="C37" s="16">
        <v>5088</v>
      </c>
      <c r="D37" s="22">
        <v>2574</v>
      </c>
      <c r="E37" s="22">
        <v>2514</v>
      </c>
      <c r="F37" s="22"/>
      <c r="G37" s="21" t="s">
        <v>70</v>
      </c>
      <c r="H37" s="20"/>
      <c r="I37" s="16">
        <v>2494</v>
      </c>
      <c r="J37" s="22">
        <v>1105</v>
      </c>
      <c r="K37" s="22">
        <v>1389</v>
      </c>
    </row>
    <row r="38" spans="1:11" ht="15" customHeight="1">
      <c r="A38" s="20" t="s">
        <v>71</v>
      </c>
      <c r="B38" s="20"/>
      <c r="C38" s="16">
        <v>5010</v>
      </c>
      <c r="D38" s="22">
        <v>2518</v>
      </c>
      <c r="E38" s="22">
        <v>2492</v>
      </c>
      <c r="F38" s="22"/>
      <c r="G38" s="21" t="s">
        <v>72</v>
      </c>
      <c r="H38" s="20"/>
      <c r="I38" s="16">
        <v>2304</v>
      </c>
      <c r="J38" s="22">
        <v>1033</v>
      </c>
      <c r="K38" s="22">
        <v>1271</v>
      </c>
    </row>
    <row r="39" spans="1:11" ht="15" customHeight="1">
      <c r="A39" s="20" t="s">
        <v>73</v>
      </c>
      <c r="B39" s="20"/>
      <c r="C39" s="16">
        <v>5228</v>
      </c>
      <c r="D39" s="22">
        <v>2697</v>
      </c>
      <c r="E39" s="22">
        <v>2531</v>
      </c>
      <c r="F39" s="22"/>
      <c r="G39" s="21" t="s">
        <v>74</v>
      </c>
      <c r="H39" s="20"/>
      <c r="I39" s="16">
        <v>2568</v>
      </c>
      <c r="J39" s="22">
        <v>1119</v>
      </c>
      <c r="K39" s="22">
        <v>1449</v>
      </c>
    </row>
    <row r="40" spans="1:11" ht="15" customHeight="1">
      <c r="A40" s="20" t="s">
        <v>75</v>
      </c>
      <c r="B40" s="20"/>
      <c r="C40" s="16">
        <v>4988</v>
      </c>
      <c r="D40" s="22">
        <v>2471</v>
      </c>
      <c r="E40" s="22">
        <v>2517</v>
      </c>
      <c r="F40" s="22"/>
      <c r="G40" s="21" t="s">
        <v>76</v>
      </c>
      <c r="H40" s="20"/>
      <c r="I40" s="16">
        <v>2811</v>
      </c>
      <c r="J40" s="22">
        <v>1214</v>
      </c>
      <c r="K40" s="22">
        <v>1597</v>
      </c>
    </row>
    <row r="41" spans="1:11" ht="20.100000000000001" customHeight="1">
      <c r="A41" s="20" t="s">
        <v>77</v>
      </c>
      <c r="B41" s="20"/>
      <c r="C41" s="16">
        <v>24317</v>
      </c>
      <c r="D41" s="17">
        <v>12217</v>
      </c>
      <c r="E41" s="17">
        <v>12100</v>
      </c>
      <c r="F41" s="17"/>
      <c r="G41" s="21" t="s">
        <v>78</v>
      </c>
      <c r="H41" s="20"/>
      <c r="I41" s="16">
        <v>10953</v>
      </c>
      <c r="J41" s="17">
        <v>4528</v>
      </c>
      <c r="K41" s="17">
        <v>6425</v>
      </c>
    </row>
    <row r="42" spans="1:11" ht="15" customHeight="1">
      <c r="A42" s="20" t="s">
        <v>79</v>
      </c>
      <c r="B42" s="20"/>
      <c r="C42" s="16">
        <v>5014</v>
      </c>
      <c r="D42" s="22">
        <v>2557</v>
      </c>
      <c r="E42" s="22">
        <v>2457</v>
      </c>
      <c r="F42" s="22"/>
      <c r="G42" s="21" t="s">
        <v>80</v>
      </c>
      <c r="H42" s="20"/>
      <c r="I42" s="16">
        <v>2548</v>
      </c>
      <c r="J42" s="22">
        <v>1064</v>
      </c>
      <c r="K42" s="22">
        <v>1484</v>
      </c>
    </row>
    <row r="43" spans="1:11" ht="15" customHeight="1">
      <c r="A43" s="20" t="s">
        <v>81</v>
      </c>
      <c r="B43" s="20"/>
      <c r="C43" s="16">
        <v>4937</v>
      </c>
      <c r="D43" s="22">
        <v>2479</v>
      </c>
      <c r="E43" s="22">
        <v>2458</v>
      </c>
      <c r="F43" s="22"/>
      <c r="G43" s="21" t="s">
        <v>82</v>
      </c>
      <c r="H43" s="20"/>
      <c r="I43" s="16">
        <v>2525</v>
      </c>
      <c r="J43" s="22">
        <v>1067</v>
      </c>
      <c r="K43" s="22">
        <v>1458</v>
      </c>
    </row>
    <row r="44" spans="1:11" ht="15" customHeight="1">
      <c r="A44" s="20" t="s">
        <v>83</v>
      </c>
      <c r="B44" s="20"/>
      <c r="C44" s="16">
        <v>4874</v>
      </c>
      <c r="D44" s="22">
        <v>2424</v>
      </c>
      <c r="E44" s="22">
        <v>2450</v>
      </c>
      <c r="F44" s="22"/>
      <c r="G44" s="21" t="s">
        <v>84</v>
      </c>
      <c r="H44" s="20"/>
      <c r="I44" s="16">
        <v>2272</v>
      </c>
      <c r="J44" s="22">
        <v>945</v>
      </c>
      <c r="K44" s="22">
        <v>1327</v>
      </c>
    </row>
    <row r="45" spans="1:11" ht="15" customHeight="1">
      <c r="A45" s="20" t="s">
        <v>85</v>
      </c>
      <c r="B45" s="20"/>
      <c r="C45" s="16">
        <v>4686</v>
      </c>
      <c r="D45" s="22">
        <v>2360</v>
      </c>
      <c r="E45" s="22">
        <v>2326</v>
      </c>
      <c r="F45" s="22"/>
      <c r="G45" s="21" t="s">
        <v>86</v>
      </c>
      <c r="H45" s="20"/>
      <c r="I45" s="16">
        <v>1849</v>
      </c>
      <c r="J45" s="22">
        <v>753</v>
      </c>
      <c r="K45" s="22">
        <v>1096</v>
      </c>
    </row>
    <row r="46" spans="1:11" ht="15" customHeight="1">
      <c r="A46" s="20" t="s">
        <v>87</v>
      </c>
      <c r="B46" s="20"/>
      <c r="C46" s="16">
        <v>4806</v>
      </c>
      <c r="D46" s="22">
        <v>2397</v>
      </c>
      <c r="E46" s="22">
        <v>2409</v>
      </c>
      <c r="F46" s="22"/>
      <c r="G46" s="21" t="s">
        <v>88</v>
      </c>
      <c r="H46" s="20"/>
      <c r="I46" s="16">
        <v>1759</v>
      </c>
      <c r="J46" s="22">
        <v>699</v>
      </c>
      <c r="K46" s="22">
        <v>1060</v>
      </c>
    </row>
    <row r="47" spans="1:11" ht="20.100000000000001" customHeight="1">
      <c r="A47" s="20" t="s">
        <v>89</v>
      </c>
      <c r="B47" s="20"/>
      <c r="C47" s="16">
        <v>24755</v>
      </c>
      <c r="D47" s="17">
        <v>12644</v>
      </c>
      <c r="E47" s="17">
        <v>12111</v>
      </c>
      <c r="F47" s="17"/>
      <c r="G47" s="21" t="s">
        <v>90</v>
      </c>
      <c r="H47" s="20"/>
      <c r="I47" s="16">
        <v>7573</v>
      </c>
      <c r="J47" s="17">
        <v>2744</v>
      </c>
      <c r="K47" s="17">
        <v>4829</v>
      </c>
    </row>
    <row r="48" spans="1:11" ht="15" customHeight="1">
      <c r="A48" s="20" t="s">
        <v>91</v>
      </c>
      <c r="B48" s="20"/>
      <c r="C48" s="16">
        <v>4766</v>
      </c>
      <c r="D48" s="22">
        <v>2387</v>
      </c>
      <c r="E48" s="22">
        <v>2379</v>
      </c>
      <c r="F48" s="22"/>
      <c r="G48" s="21" t="s">
        <v>92</v>
      </c>
      <c r="H48" s="20"/>
      <c r="I48" s="16">
        <v>1794</v>
      </c>
      <c r="J48" s="22">
        <v>691</v>
      </c>
      <c r="K48" s="22">
        <v>1103</v>
      </c>
    </row>
    <row r="49" spans="1:11" ht="15" customHeight="1">
      <c r="A49" s="20" t="s">
        <v>93</v>
      </c>
      <c r="B49" s="20"/>
      <c r="C49" s="16">
        <v>4781</v>
      </c>
      <c r="D49" s="22">
        <v>2445</v>
      </c>
      <c r="E49" s="22">
        <v>2336</v>
      </c>
      <c r="F49" s="22"/>
      <c r="G49" s="21" t="s">
        <v>94</v>
      </c>
      <c r="H49" s="20"/>
      <c r="I49" s="16">
        <v>1644</v>
      </c>
      <c r="J49" s="22">
        <v>599</v>
      </c>
      <c r="K49" s="22">
        <v>1045</v>
      </c>
    </row>
    <row r="50" spans="1:11" ht="15" customHeight="1">
      <c r="A50" s="20" t="s">
        <v>95</v>
      </c>
      <c r="B50" s="20"/>
      <c r="C50" s="16">
        <v>4979</v>
      </c>
      <c r="D50" s="22">
        <v>2525</v>
      </c>
      <c r="E50" s="22">
        <v>2454</v>
      </c>
      <c r="F50" s="22"/>
      <c r="G50" s="21" t="s">
        <v>96</v>
      </c>
      <c r="H50" s="20"/>
      <c r="I50" s="16">
        <v>1624</v>
      </c>
      <c r="J50" s="22">
        <v>605</v>
      </c>
      <c r="K50" s="22">
        <v>1019</v>
      </c>
    </row>
    <row r="51" spans="1:11" ht="15" customHeight="1">
      <c r="A51" s="20" t="s">
        <v>97</v>
      </c>
      <c r="B51" s="20"/>
      <c r="C51" s="16">
        <v>5116</v>
      </c>
      <c r="D51" s="22">
        <v>2687</v>
      </c>
      <c r="E51" s="22">
        <v>2429</v>
      </c>
      <c r="F51" s="22"/>
      <c r="G51" s="21" t="s">
        <v>98</v>
      </c>
      <c r="H51" s="20"/>
      <c r="I51" s="16">
        <v>1287</v>
      </c>
      <c r="J51" s="22">
        <v>444</v>
      </c>
      <c r="K51" s="22">
        <v>843</v>
      </c>
    </row>
    <row r="52" spans="1:11" ht="15" customHeight="1">
      <c r="A52" s="20" t="s">
        <v>99</v>
      </c>
      <c r="B52" s="20"/>
      <c r="C52" s="16">
        <v>5113</v>
      </c>
      <c r="D52" s="22">
        <v>2600</v>
      </c>
      <c r="E52" s="22">
        <v>2513</v>
      </c>
      <c r="F52" s="22"/>
      <c r="G52" s="21" t="s">
        <v>100</v>
      </c>
      <c r="H52" s="20"/>
      <c r="I52" s="16">
        <v>1224</v>
      </c>
      <c r="J52" s="22">
        <v>405</v>
      </c>
      <c r="K52" s="22">
        <v>819</v>
      </c>
    </row>
    <row r="53" spans="1:11" ht="20.100000000000001" customHeight="1">
      <c r="A53" s="20" t="s">
        <v>101</v>
      </c>
      <c r="B53" s="20"/>
      <c r="C53" s="16">
        <v>25991</v>
      </c>
      <c r="D53" s="17">
        <v>13335</v>
      </c>
      <c r="E53" s="17">
        <v>12656</v>
      </c>
      <c r="F53" s="17"/>
      <c r="G53" s="21" t="s">
        <v>102</v>
      </c>
      <c r="H53" s="20"/>
      <c r="I53" s="16">
        <v>3772</v>
      </c>
      <c r="J53" s="17">
        <v>1117</v>
      </c>
      <c r="K53" s="17">
        <v>2655</v>
      </c>
    </row>
    <row r="54" spans="1:11" ht="15" customHeight="1">
      <c r="A54" s="20" t="s">
        <v>103</v>
      </c>
      <c r="B54" s="20"/>
      <c r="C54" s="16">
        <v>5154</v>
      </c>
      <c r="D54" s="22">
        <v>2671</v>
      </c>
      <c r="E54" s="22">
        <v>2483</v>
      </c>
      <c r="F54" s="22"/>
      <c r="G54" s="21" t="s">
        <v>104</v>
      </c>
      <c r="H54" s="20"/>
      <c r="I54" s="16">
        <v>1037</v>
      </c>
      <c r="J54" s="22">
        <v>360</v>
      </c>
      <c r="K54" s="22">
        <v>677</v>
      </c>
    </row>
    <row r="55" spans="1:11" ht="15" customHeight="1">
      <c r="A55" s="20" t="s">
        <v>105</v>
      </c>
      <c r="B55" s="20"/>
      <c r="C55" s="16">
        <v>5010</v>
      </c>
      <c r="D55" s="22">
        <v>2550</v>
      </c>
      <c r="E55" s="22">
        <v>2460</v>
      </c>
      <c r="F55" s="22"/>
      <c r="G55" s="21" t="s">
        <v>106</v>
      </c>
      <c r="H55" s="20"/>
      <c r="I55" s="16">
        <v>904</v>
      </c>
      <c r="J55" s="22">
        <v>252</v>
      </c>
      <c r="K55" s="22">
        <v>652</v>
      </c>
    </row>
    <row r="56" spans="1:11" ht="15" customHeight="1">
      <c r="A56" s="20" t="s">
        <v>107</v>
      </c>
      <c r="B56" s="20"/>
      <c r="C56" s="16">
        <v>5183</v>
      </c>
      <c r="D56" s="22">
        <v>2648</v>
      </c>
      <c r="E56" s="22">
        <v>2535</v>
      </c>
      <c r="F56" s="22"/>
      <c r="G56" s="21" t="s">
        <v>108</v>
      </c>
      <c r="H56" s="20"/>
      <c r="I56" s="16">
        <v>706</v>
      </c>
      <c r="J56" s="22">
        <v>203</v>
      </c>
      <c r="K56" s="22">
        <v>503</v>
      </c>
    </row>
    <row r="57" spans="1:11" ht="15" customHeight="1">
      <c r="A57" s="20" t="s">
        <v>109</v>
      </c>
      <c r="B57" s="20"/>
      <c r="C57" s="16">
        <v>5212</v>
      </c>
      <c r="D57" s="22">
        <v>2652</v>
      </c>
      <c r="E57" s="22">
        <v>2560</v>
      </c>
      <c r="F57" s="22"/>
      <c r="G57" s="21" t="s">
        <v>110</v>
      </c>
      <c r="H57" s="20"/>
      <c r="I57" s="16">
        <v>625</v>
      </c>
      <c r="J57" s="22">
        <v>176</v>
      </c>
      <c r="K57" s="22">
        <v>449</v>
      </c>
    </row>
    <row r="58" spans="1:11" ht="15" customHeight="1">
      <c r="A58" s="20" t="s">
        <v>111</v>
      </c>
      <c r="B58" s="20"/>
      <c r="C58" s="16">
        <v>5432</v>
      </c>
      <c r="D58" s="22">
        <v>2814</v>
      </c>
      <c r="E58" s="22">
        <v>2618</v>
      </c>
      <c r="F58" s="22"/>
      <c r="G58" s="21" t="s">
        <v>112</v>
      </c>
      <c r="H58" s="20"/>
      <c r="I58" s="16">
        <v>500</v>
      </c>
      <c r="J58" s="22">
        <v>126</v>
      </c>
      <c r="K58" s="22">
        <v>374</v>
      </c>
    </row>
    <row r="59" spans="1:11" ht="20.100000000000001" customHeight="1">
      <c r="A59" s="20" t="s">
        <v>113</v>
      </c>
      <c r="B59" s="20"/>
      <c r="C59" s="16">
        <v>28801</v>
      </c>
      <c r="D59" s="17">
        <v>14685</v>
      </c>
      <c r="E59" s="17">
        <v>14116</v>
      </c>
      <c r="F59" s="17"/>
      <c r="G59" s="21" t="s">
        <v>114</v>
      </c>
      <c r="H59" s="20"/>
      <c r="I59" s="16">
        <v>984</v>
      </c>
      <c r="J59" s="17">
        <v>212</v>
      </c>
      <c r="K59" s="17">
        <v>772</v>
      </c>
    </row>
    <row r="60" spans="1:11" ht="15" customHeight="1">
      <c r="A60" s="20" t="s">
        <v>115</v>
      </c>
      <c r="B60" s="20"/>
      <c r="C60" s="16">
        <v>5382</v>
      </c>
      <c r="D60" s="22">
        <v>2746</v>
      </c>
      <c r="E60" s="22">
        <v>2636</v>
      </c>
      <c r="F60" s="22"/>
      <c r="G60" s="21" t="s">
        <v>116</v>
      </c>
      <c r="H60" s="20"/>
      <c r="I60" s="16">
        <v>329</v>
      </c>
      <c r="J60" s="22">
        <v>78</v>
      </c>
      <c r="K60" s="22">
        <v>251</v>
      </c>
    </row>
    <row r="61" spans="1:11" ht="15" customHeight="1">
      <c r="A61" s="20" t="s">
        <v>117</v>
      </c>
      <c r="B61" s="20"/>
      <c r="C61" s="16">
        <v>5712</v>
      </c>
      <c r="D61" s="22">
        <v>2942</v>
      </c>
      <c r="E61" s="22">
        <v>2770</v>
      </c>
      <c r="F61" s="22"/>
      <c r="G61" s="21" t="s">
        <v>118</v>
      </c>
      <c r="H61" s="20"/>
      <c r="I61" s="16">
        <v>244</v>
      </c>
      <c r="J61" s="22">
        <v>58</v>
      </c>
      <c r="K61" s="22">
        <v>186</v>
      </c>
    </row>
    <row r="62" spans="1:11" ht="15" customHeight="1">
      <c r="A62" s="20" t="s">
        <v>119</v>
      </c>
      <c r="B62" s="20"/>
      <c r="C62" s="16">
        <v>5726</v>
      </c>
      <c r="D62" s="22">
        <v>2892</v>
      </c>
      <c r="E62" s="22">
        <v>2834</v>
      </c>
      <c r="F62" s="22"/>
      <c r="G62" s="21" t="s">
        <v>120</v>
      </c>
      <c r="H62" s="20"/>
      <c r="I62" s="16">
        <v>208</v>
      </c>
      <c r="J62" s="22">
        <v>43</v>
      </c>
      <c r="K62" s="22">
        <v>165</v>
      </c>
    </row>
    <row r="63" spans="1:11" ht="15" customHeight="1">
      <c r="A63" s="20" t="s">
        <v>121</v>
      </c>
      <c r="B63" s="20"/>
      <c r="C63" s="16">
        <v>5906</v>
      </c>
      <c r="D63" s="22">
        <v>3025</v>
      </c>
      <c r="E63" s="22">
        <v>2881</v>
      </c>
      <c r="F63" s="22"/>
      <c r="G63" s="21" t="s">
        <v>122</v>
      </c>
      <c r="H63" s="20"/>
      <c r="I63" s="16">
        <v>129</v>
      </c>
      <c r="J63" s="22">
        <v>23</v>
      </c>
      <c r="K63" s="22">
        <v>106</v>
      </c>
    </row>
    <row r="64" spans="1:11" ht="15" customHeight="1">
      <c r="A64" s="20" t="s">
        <v>123</v>
      </c>
      <c r="B64" s="20"/>
      <c r="C64" s="16">
        <v>6075</v>
      </c>
      <c r="D64" s="22">
        <v>3080</v>
      </c>
      <c r="E64" s="22">
        <v>2995</v>
      </c>
      <c r="F64" s="22"/>
      <c r="G64" s="21" t="s">
        <v>124</v>
      </c>
      <c r="H64" s="20"/>
      <c r="I64" s="16">
        <v>74</v>
      </c>
      <c r="J64" s="22">
        <v>10</v>
      </c>
      <c r="K64" s="22">
        <v>6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19</v>
      </c>
      <c r="J65" s="22">
        <v>12</v>
      </c>
      <c r="K65" s="22">
        <v>107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2248</v>
      </c>
      <c r="J66" s="32">
        <v>7019</v>
      </c>
      <c r="K66" s="32">
        <v>5229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69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83515</v>
      </c>
      <c r="D4" s="17">
        <v>138028</v>
      </c>
      <c r="E4" s="17">
        <v>145487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0566</v>
      </c>
      <c r="D5" s="17">
        <v>5371</v>
      </c>
      <c r="E5" s="17">
        <v>5195</v>
      </c>
      <c r="F5" s="17"/>
      <c r="G5" s="21" t="s">
        <v>6</v>
      </c>
      <c r="H5" s="20"/>
      <c r="I5" s="16">
        <v>23775</v>
      </c>
      <c r="J5" s="17">
        <v>11898</v>
      </c>
      <c r="K5" s="17">
        <v>11877</v>
      </c>
    </row>
    <row r="6" spans="1:11" ht="15" customHeight="1">
      <c r="A6" s="20" t="s">
        <v>7</v>
      </c>
      <c r="B6" s="20"/>
      <c r="C6" s="16">
        <v>1906</v>
      </c>
      <c r="D6" s="22">
        <v>967</v>
      </c>
      <c r="E6" s="22">
        <v>939</v>
      </c>
      <c r="F6" s="22"/>
      <c r="G6" s="21" t="s">
        <v>8</v>
      </c>
      <c r="H6" s="20"/>
      <c r="I6" s="16">
        <v>4867</v>
      </c>
      <c r="J6" s="22">
        <v>2446</v>
      </c>
      <c r="K6" s="22">
        <v>2421</v>
      </c>
    </row>
    <row r="7" spans="1:11" ht="15" customHeight="1">
      <c r="A7" s="20" t="s">
        <v>9</v>
      </c>
      <c r="B7" s="20"/>
      <c r="C7" s="16">
        <v>2108</v>
      </c>
      <c r="D7" s="22">
        <v>1072</v>
      </c>
      <c r="E7" s="22">
        <v>1036</v>
      </c>
      <c r="F7" s="22"/>
      <c r="G7" s="21" t="s">
        <v>10</v>
      </c>
      <c r="H7" s="20"/>
      <c r="I7" s="16">
        <v>4780</v>
      </c>
      <c r="J7" s="22">
        <v>2352</v>
      </c>
      <c r="K7" s="22">
        <v>2428</v>
      </c>
    </row>
    <row r="8" spans="1:11" ht="15" customHeight="1">
      <c r="A8" s="20" t="s">
        <v>11</v>
      </c>
      <c r="B8" s="20"/>
      <c r="C8" s="16">
        <v>2014</v>
      </c>
      <c r="D8" s="22">
        <v>1021</v>
      </c>
      <c r="E8" s="22">
        <v>993</v>
      </c>
      <c r="F8" s="22"/>
      <c r="G8" s="21" t="s">
        <v>12</v>
      </c>
      <c r="H8" s="20"/>
      <c r="I8" s="16">
        <v>4836</v>
      </c>
      <c r="J8" s="22">
        <v>2396</v>
      </c>
      <c r="K8" s="22">
        <v>2440</v>
      </c>
    </row>
    <row r="9" spans="1:11" ht="15" customHeight="1">
      <c r="A9" s="20" t="s">
        <v>13</v>
      </c>
      <c r="B9" s="20"/>
      <c r="C9" s="16">
        <v>2247</v>
      </c>
      <c r="D9" s="22">
        <v>1136</v>
      </c>
      <c r="E9" s="22">
        <v>1111</v>
      </c>
      <c r="F9" s="22"/>
      <c r="G9" s="21" t="s">
        <v>14</v>
      </c>
      <c r="H9" s="20"/>
      <c r="I9" s="16">
        <v>4742</v>
      </c>
      <c r="J9" s="22">
        <v>2408</v>
      </c>
      <c r="K9" s="22">
        <v>2334</v>
      </c>
    </row>
    <row r="10" spans="1:11" ht="15" customHeight="1">
      <c r="A10" s="20" t="s">
        <v>15</v>
      </c>
      <c r="B10" s="20"/>
      <c r="C10" s="16">
        <v>2291</v>
      </c>
      <c r="D10" s="22">
        <v>1175</v>
      </c>
      <c r="E10" s="22">
        <v>1116</v>
      </c>
      <c r="F10" s="22"/>
      <c r="G10" s="21" t="s">
        <v>16</v>
      </c>
      <c r="H10" s="20"/>
      <c r="I10" s="16">
        <v>4550</v>
      </c>
      <c r="J10" s="22">
        <v>2296</v>
      </c>
      <c r="K10" s="22">
        <v>2254</v>
      </c>
    </row>
    <row r="11" spans="1:11" ht="20.100000000000001" customHeight="1">
      <c r="A11" s="20" t="s">
        <v>17</v>
      </c>
      <c r="B11" s="20"/>
      <c r="C11" s="16">
        <v>11837</v>
      </c>
      <c r="D11" s="17">
        <v>6022</v>
      </c>
      <c r="E11" s="17">
        <v>5815</v>
      </c>
      <c r="F11" s="17"/>
      <c r="G11" s="21" t="s">
        <v>18</v>
      </c>
      <c r="H11" s="20"/>
      <c r="I11" s="16">
        <v>19371</v>
      </c>
      <c r="J11" s="17">
        <v>9939</v>
      </c>
      <c r="K11" s="17">
        <v>9432</v>
      </c>
    </row>
    <row r="12" spans="1:11" ht="15" customHeight="1">
      <c r="A12" s="20" t="s">
        <v>19</v>
      </c>
      <c r="B12" s="20"/>
      <c r="C12" s="16">
        <v>2242</v>
      </c>
      <c r="D12" s="22">
        <v>1137</v>
      </c>
      <c r="E12" s="22">
        <v>1105</v>
      </c>
      <c r="F12" s="22"/>
      <c r="G12" s="21" t="s">
        <v>20</v>
      </c>
      <c r="H12" s="20"/>
      <c r="I12" s="16">
        <v>4635</v>
      </c>
      <c r="J12" s="22">
        <v>2377</v>
      </c>
      <c r="K12" s="22">
        <v>2258</v>
      </c>
    </row>
    <row r="13" spans="1:11" ht="15" customHeight="1">
      <c r="A13" s="20" t="s">
        <v>21</v>
      </c>
      <c r="B13" s="20"/>
      <c r="C13" s="16">
        <v>2413</v>
      </c>
      <c r="D13" s="22">
        <v>1216</v>
      </c>
      <c r="E13" s="22">
        <v>1197</v>
      </c>
      <c r="F13" s="22"/>
      <c r="G13" s="21" t="s">
        <v>22</v>
      </c>
      <c r="H13" s="20"/>
      <c r="I13" s="16">
        <v>3256</v>
      </c>
      <c r="J13" s="22">
        <v>1675</v>
      </c>
      <c r="K13" s="22">
        <v>1581</v>
      </c>
    </row>
    <row r="14" spans="1:11" ht="15" customHeight="1">
      <c r="A14" s="20" t="s">
        <v>23</v>
      </c>
      <c r="B14" s="20"/>
      <c r="C14" s="16">
        <v>2355</v>
      </c>
      <c r="D14" s="22">
        <v>1208</v>
      </c>
      <c r="E14" s="22">
        <v>1147</v>
      </c>
      <c r="F14" s="22"/>
      <c r="G14" s="21" t="s">
        <v>24</v>
      </c>
      <c r="H14" s="20"/>
      <c r="I14" s="16">
        <v>4152</v>
      </c>
      <c r="J14" s="22">
        <v>2122</v>
      </c>
      <c r="K14" s="22">
        <v>2030</v>
      </c>
    </row>
    <row r="15" spans="1:11" ht="15" customHeight="1">
      <c r="A15" s="20" t="s">
        <v>25</v>
      </c>
      <c r="B15" s="20"/>
      <c r="C15" s="16">
        <v>2366</v>
      </c>
      <c r="D15" s="22">
        <v>1221</v>
      </c>
      <c r="E15" s="22">
        <v>1145</v>
      </c>
      <c r="F15" s="22"/>
      <c r="G15" s="21" t="s">
        <v>26</v>
      </c>
      <c r="H15" s="20"/>
      <c r="I15" s="16">
        <v>3760</v>
      </c>
      <c r="J15" s="22">
        <v>1928</v>
      </c>
      <c r="K15" s="22">
        <v>1832</v>
      </c>
    </row>
    <row r="16" spans="1:11" ht="15" customHeight="1">
      <c r="A16" s="20" t="s">
        <v>27</v>
      </c>
      <c r="B16" s="20"/>
      <c r="C16" s="16">
        <v>2461</v>
      </c>
      <c r="D16" s="22">
        <v>1240</v>
      </c>
      <c r="E16" s="22">
        <v>1221</v>
      </c>
      <c r="F16" s="22"/>
      <c r="G16" s="21" t="s">
        <v>28</v>
      </c>
      <c r="H16" s="20"/>
      <c r="I16" s="16">
        <v>3568</v>
      </c>
      <c r="J16" s="22">
        <v>1837</v>
      </c>
      <c r="K16" s="22">
        <v>1731</v>
      </c>
    </row>
    <row r="17" spans="1:11" ht="20.100000000000001" customHeight="1">
      <c r="A17" s="24" t="s">
        <v>29</v>
      </c>
      <c r="B17" s="24"/>
      <c r="C17" s="16">
        <v>12587</v>
      </c>
      <c r="D17" s="17">
        <v>6435</v>
      </c>
      <c r="E17" s="17">
        <v>6152</v>
      </c>
      <c r="F17" s="17"/>
      <c r="G17" s="21" t="s">
        <v>30</v>
      </c>
      <c r="H17" s="20"/>
      <c r="I17" s="16">
        <v>15318</v>
      </c>
      <c r="J17" s="17">
        <v>7802</v>
      </c>
      <c r="K17" s="17">
        <v>7516</v>
      </c>
    </row>
    <row r="18" spans="1:11" ht="15" customHeight="1">
      <c r="A18" s="20" t="s">
        <v>31</v>
      </c>
      <c r="B18" s="20"/>
      <c r="C18" s="16">
        <v>2440</v>
      </c>
      <c r="D18" s="22">
        <v>1233</v>
      </c>
      <c r="E18" s="22">
        <v>1207</v>
      </c>
      <c r="F18" s="22"/>
      <c r="G18" s="21" t="s">
        <v>32</v>
      </c>
      <c r="H18" s="20"/>
      <c r="I18" s="16">
        <v>3275</v>
      </c>
      <c r="J18" s="22">
        <v>1689</v>
      </c>
      <c r="K18" s="22">
        <v>1586</v>
      </c>
    </row>
    <row r="19" spans="1:11" ht="15" customHeight="1">
      <c r="A19" s="20" t="s">
        <v>33</v>
      </c>
      <c r="B19" s="20"/>
      <c r="C19" s="16">
        <v>2433</v>
      </c>
      <c r="D19" s="22">
        <v>1236</v>
      </c>
      <c r="E19" s="22">
        <v>1197</v>
      </c>
      <c r="F19" s="22"/>
      <c r="G19" s="21" t="s">
        <v>34</v>
      </c>
      <c r="H19" s="20"/>
      <c r="I19" s="16">
        <v>3227</v>
      </c>
      <c r="J19" s="22">
        <v>1675</v>
      </c>
      <c r="K19" s="22">
        <v>1552</v>
      </c>
    </row>
    <row r="20" spans="1:11" ht="15" customHeight="1">
      <c r="A20" s="20" t="s">
        <v>35</v>
      </c>
      <c r="B20" s="20"/>
      <c r="C20" s="16">
        <v>2571</v>
      </c>
      <c r="D20" s="22">
        <v>1313</v>
      </c>
      <c r="E20" s="22">
        <v>1258</v>
      </c>
      <c r="F20" s="22"/>
      <c r="G20" s="21" t="s">
        <v>36</v>
      </c>
      <c r="H20" s="20"/>
      <c r="I20" s="16">
        <v>3093</v>
      </c>
      <c r="J20" s="22">
        <v>1538</v>
      </c>
      <c r="K20" s="22">
        <v>1555</v>
      </c>
    </row>
    <row r="21" spans="1:11" ht="15" customHeight="1">
      <c r="A21" s="20" t="s">
        <v>37</v>
      </c>
      <c r="B21" s="20"/>
      <c r="C21" s="16">
        <v>2529</v>
      </c>
      <c r="D21" s="22">
        <v>1279</v>
      </c>
      <c r="E21" s="22">
        <v>1250</v>
      </c>
      <c r="F21" s="22"/>
      <c r="G21" s="21" t="s">
        <v>38</v>
      </c>
      <c r="H21" s="20"/>
      <c r="I21" s="16">
        <v>2855</v>
      </c>
      <c r="J21" s="22">
        <v>1472</v>
      </c>
      <c r="K21" s="22">
        <v>1383</v>
      </c>
    </row>
    <row r="22" spans="1:11" ht="15" customHeight="1">
      <c r="A22" s="20" t="s">
        <v>39</v>
      </c>
      <c r="B22" s="20"/>
      <c r="C22" s="16">
        <v>2614</v>
      </c>
      <c r="D22" s="22">
        <v>1374</v>
      </c>
      <c r="E22" s="22">
        <v>1240</v>
      </c>
      <c r="F22" s="22"/>
      <c r="G22" s="21" t="s">
        <v>40</v>
      </c>
      <c r="H22" s="20"/>
      <c r="I22" s="16">
        <v>2868</v>
      </c>
      <c r="J22" s="22">
        <v>1428</v>
      </c>
      <c r="K22" s="22">
        <v>1440</v>
      </c>
    </row>
    <row r="23" spans="1:11" ht="20.100000000000001" customHeight="1">
      <c r="A23" s="20" t="s">
        <v>41</v>
      </c>
      <c r="B23" s="20"/>
      <c r="C23" s="16">
        <v>13429</v>
      </c>
      <c r="D23" s="17">
        <v>6785</v>
      </c>
      <c r="E23" s="17">
        <v>6644</v>
      </c>
      <c r="F23" s="17"/>
      <c r="G23" s="21" t="s">
        <v>42</v>
      </c>
      <c r="H23" s="20"/>
      <c r="I23" s="16">
        <v>14033</v>
      </c>
      <c r="J23" s="17">
        <v>6673</v>
      </c>
      <c r="K23" s="17">
        <v>7360</v>
      </c>
    </row>
    <row r="24" spans="1:11" ht="15" customHeight="1">
      <c r="A24" s="20" t="s">
        <v>43</v>
      </c>
      <c r="B24" s="20"/>
      <c r="C24" s="16">
        <v>2699</v>
      </c>
      <c r="D24" s="22">
        <v>1399</v>
      </c>
      <c r="E24" s="22">
        <v>1300</v>
      </c>
      <c r="F24" s="22"/>
      <c r="G24" s="21" t="s">
        <v>44</v>
      </c>
      <c r="H24" s="20"/>
      <c r="I24" s="16">
        <v>2605</v>
      </c>
      <c r="J24" s="22">
        <v>1270</v>
      </c>
      <c r="K24" s="22">
        <v>1335</v>
      </c>
    </row>
    <row r="25" spans="1:11" ht="15" customHeight="1">
      <c r="A25" s="20" t="s">
        <v>45</v>
      </c>
      <c r="B25" s="20"/>
      <c r="C25" s="16">
        <v>2777</v>
      </c>
      <c r="D25" s="22">
        <v>1386</v>
      </c>
      <c r="E25" s="22">
        <v>1391</v>
      </c>
      <c r="F25" s="22"/>
      <c r="G25" s="21" t="s">
        <v>46</v>
      </c>
      <c r="H25" s="20"/>
      <c r="I25" s="16">
        <v>2784</v>
      </c>
      <c r="J25" s="22">
        <v>1378</v>
      </c>
      <c r="K25" s="22">
        <v>1406</v>
      </c>
    </row>
    <row r="26" spans="1:11" ht="15" customHeight="1">
      <c r="A26" s="20" t="s">
        <v>47</v>
      </c>
      <c r="B26" s="20"/>
      <c r="C26" s="16">
        <v>2483</v>
      </c>
      <c r="D26" s="22">
        <v>1294</v>
      </c>
      <c r="E26" s="22">
        <v>1189</v>
      </c>
      <c r="F26" s="22"/>
      <c r="G26" s="21" t="s">
        <v>48</v>
      </c>
      <c r="H26" s="20"/>
      <c r="I26" s="16">
        <v>2820</v>
      </c>
      <c r="J26" s="22">
        <v>1322</v>
      </c>
      <c r="K26" s="22">
        <v>1498</v>
      </c>
    </row>
    <row r="27" spans="1:11" ht="15" customHeight="1">
      <c r="A27" s="20" t="s">
        <v>49</v>
      </c>
      <c r="B27" s="20"/>
      <c r="C27" s="16">
        <v>2645</v>
      </c>
      <c r="D27" s="22">
        <v>1312</v>
      </c>
      <c r="E27" s="22">
        <v>1333</v>
      </c>
      <c r="F27" s="22"/>
      <c r="G27" s="21" t="s">
        <v>50</v>
      </c>
      <c r="H27" s="20"/>
      <c r="I27" s="16">
        <v>2908</v>
      </c>
      <c r="J27" s="22">
        <v>1371</v>
      </c>
      <c r="K27" s="22">
        <v>1537</v>
      </c>
    </row>
    <row r="28" spans="1:11" ht="15" customHeight="1">
      <c r="A28" s="20" t="s">
        <v>51</v>
      </c>
      <c r="B28" s="20"/>
      <c r="C28" s="16">
        <v>2825</v>
      </c>
      <c r="D28" s="22">
        <v>1394</v>
      </c>
      <c r="E28" s="22">
        <v>1431</v>
      </c>
      <c r="F28" s="22"/>
      <c r="G28" s="21" t="s">
        <v>52</v>
      </c>
      <c r="H28" s="20"/>
      <c r="I28" s="16">
        <v>2916</v>
      </c>
      <c r="J28" s="22">
        <v>1332</v>
      </c>
      <c r="K28" s="22">
        <v>1584</v>
      </c>
    </row>
    <row r="29" spans="1:11" ht="20.100000000000001" customHeight="1">
      <c r="A29" s="20" t="s">
        <v>53</v>
      </c>
      <c r="B29" s="20"/>
      <c r="C29" s="16">
        <v>14631</v>
      </c>
      <c r="D29" s="17">
        <v>7311</v>
      </c>
      <c r="E29" s="17">
        <v>7320</v>
      </c>
      <c r="F29" s="17"/>
      <c r="G29" s="21" t="s">
        <v>54</v>
      </c>
      <c r="H29" s="20"/>
      <c r="I29" s="16">
        <v>18069</v>
      </c>
      <c r="J29" s="17">
        <v>8477</v>
      </c>
      <c r="K29" s="17">
        <v>9592</v>
      </c>
    </row>
    <row r="30" spans="1:11" ht="15" customHeight="1">
      <c r="A30" s="20" t="s">
        <v>55</v>
      </c>
      <c r="B30" s="20"/>
      <c r="C30" s="16">
        <v>2841</v>
      </c>
      <c r="D30" s="22">
        <v>1418</v>
      </c>
      <c r="E30" s="22">
        <v>1423</v>
      </c>
      <c r="F30" s="22"/>
      <c r="G30" s="21" t="s">
        <v>56</v>
      </c>
      <c r="H30" s="20"/>
      <c r="I30" s="16">
        <v>3168</v>
      </c>
      <c r="J30" s="22">
        <v>1518</v>
      </c>
      <c r="K30" s="22">
        <v>1650</v>
      </c>
    </row>
    <row r="31" spans="1:11" ht="15" customHeight="1">
      <c r="A31" s="20" t="s">
        <v>57</v>
      </c>
      <c r="B31" s="20"/>
      <c r="C31" s="16">
        <v>3018</v>
      </c>
      <c r="D31" s="22">
        <v>1536</v>
      </c>
      <c r="E31" s="22">
        <v>1482</v>
      </c>
      <c r="F31" s="22"/>
      <c r="G31" s="21" t="s">
        <v>58</v>
      </c>
      <c r="H31" s="20"/>
      <c r="I31" s="16">
        <v>3356</v>
      </c>
      <c r="J31" s="22">
        <v>1630</v>
      </c>
      <c r="K31" s="22">
        <v>1726</v>
      </c>
    </row>
    <row r="32" spans="1:11" ht="15" customHeight="1">
      <c r="A32" s="20" t="s">
        <v>59</v>
      </c>
      <c r="B32" s="20"/>
      <c r="C32" s="16">
        <v>3084</v>
      </c>
      <c r="D32" s="22">
        <v>1496</v>
      </c>
      <c r="E32" s="22">
        <v>1588</v>
      </c>
      <c r="F32" s="22"/>
      <c r="G32" s="21" t="s">
        <v>60</v>
      </c>
      <c r="H32" s="20"/>
      <c r="I32" s="16">
        <v>3608</v>
      </c>
      <c r="J32" s="22">
        <v>1662</v>
      </c>
      <c r="K32" s="22">
        <v>1946</v>
      </c>
    </row>
    <row r="33" spans="1:11" ht="15" customHeight="1">
      <c r="A33" s="20" t="s">
        <v>61</v>
      </c>
      <c r="B33" s="20"/>
      <c r="C33" s="16">
        <v>2905</v>
      </c>
      <c r="D33" s="22">
        <v>1460</v>
      </c>
      <c r="E33" s="22">
        <v>1445</v>
      </c>
      <c r="F33" s="22"/>
      <c r="G33" s="21" t="s">
        <v>62</v>
      </c>
      <c r="H33" s="20"/>
      <c r="I33" s="16">
        <v>4032</v>
      </c>
      <c r="J33" s="22">
        <v>1847</v>
      </c>
      <c r="K33" s="22">
        <v>2185</v>
      </c>
    </row>
    <row r="34" spans="1:11" ht="15" customHeight="1">
      <c r="A34" s="20" t="s">
        <v>63</v>
      </c>
      <c r="B34" s="20"/>
      <c r="C34" s="16">
        <v>2783</v>
      </c>
      <c r="D34" s="22">
        <v>1401</v>
      </c>
      <c r="E34" s="22">
        <v>1382</v>
      </c>
      <c r="F34" s="22"/>
      <c r="G34" s="21" t="s">
        <v>64</v>
      </c>
      <c r="H34" s="20"/>
      <c r="I34" s="16">
        <v>3905</v>
      </c>
      <c r="J34" s="22">
        <v>1820</v>
      </c>
      <c r="K34" s="22">
        <v>2085</v>
      </c>
    </row>
    <row r="35" spans="1:11" ht="20.100000000000001" customHeight="1">
      <c r="A35" s="20" t="s">
        <v>65</v>
      </c>
      <c r="B35" s="20"/>
      <c r="C35" s="16">
        <v>12730</v>
      </c>
      <c r="D35" s="17">
        <v>6410</v>
      </c>
      <c r="E35" s="17">
        <v>6320</v>
      </c>
      <c r="F35" s="17"/>
      <c r="G35" s="21" t="s">
        <v>66</v>
      </c>
      <c r="H35" s="20"/>
      <c r="I35" s="16">
        <v>15168</v>
      </c>
      <c r="J35" s="17">
        <v>6753</v>
      </c>
      <c r="K35" s="17">
        <v>8415</v>
      </c>
    </row>
    <row r="36" spans="1:11" ht="15" customHeight="1">
      <c r="A36" s="20" t="s">
        <v>67</v>
      </c>
      <c r="B36" s="20"/>
      <c r="C36" s="16">
        <v>2639</v>
      </c>
      <c r="D36" s="22">
        <v>1312</v>
      </c>
      <c r="E36" s="22">
        <v>1327</v>
      </c>
      <c r="F36" s="22"/>
      <c r="G36" s="21" t="s">
        <v>68</v>
      </c>
      <c r="H36" s="20"/>
      <c r="I36" s="16">
        <v>4017</v>
      </c>
      <c r="J36" s="22">
        <v>1858</v>
      </c>
      <c r="K36" s="22">
        <v>2159</v>
      </c>
    </row>
    <row r="37" spans="1:11" ht="15" customHeight="1">
      <c r="A37" s="20" t="s">
        <v>69</v>
      </c>
      <c r="B37" s="20"/>
      <c r="C37" s="16">
        <v>2518</v>
      </c>
      <c r="D37" s="22">
        <v>1286</v>
      </c>
      <c r="E37" s="22">
        <v>1232</v>
      </c>
      <c r="F37" s="22"/>
      <c r="G37" s="21" t="s">
        <v>70</v>
      </c>
      <c r="H37" s="20"/>
      <c r="I37" s="16">
        <v>2710</v>
      </c>
      <c r="J37" s="22">
        <v>1211</v>
      </c>
      <c r="K37" s="22">
        <v>1499</v>
      </c>
    </row>
    <row r="38" spans="1:11" ht="15" customHeight="1">
      <c r="A38" s="20" t="s">
        <v>71</v>
      </c>
      <c r="B38" s="20"/>
      <c r="C38" s="16">
        <v>2546</v>
      </c>
      <c r="D38" s="22">
        <v>1260</v>
      </c>
      <c r="E38" s="22">
        <v>1286</v>
      </c>
      <c r="F38" s="22"/>
      <c r="G38" s="21" t="s">
        <v>72</v>
      </c>
      <c r="H38" s="20"/>
      <c r="I38" s="16">
        <v>2433</v>
      </c>
      <c r="J38" s="22">
        <v>1062</v>
      </c>
      <c r="K38" s="22">
        <v>1371</v>
      </c>
    </row>
    <row r="39" spans="1:11" ht="15" customHeight="1">
      <c r="A39" s="20" t="s">
        <v>73</v>
      </c>
      <c r="B39" s="20"/>
      <c r="C39" s="16">
        <v>2628</v>
      </c>
      <c r="D39" s="22">
        <v>1349</v>
      </c>
      <c r="E39" s="22">
        <v>1279</v>
      </c>
      <c r="F39" s="22"/>
      <c r="G39" s="21" t="s">
        <v>74</v>
      </c>
      <c r="H39" s="20"/>
      <c r="I39" s="16">
        <v>2993</v>
      </c>
      <c r="J39" s="22">
        <v>1353</v>
      </c>
      <c r="K39" s="22">
        <v>1640</v>
      </c>
    </row>
    <row r="40" spans="1:11" ht="15" customHeight="1">
      <c r="A40" s="20" t="s">
        <v>75</v>
      </c>
      <c r="B40" s="20"/>
      <c r="C40" s="16">
        <v>2399</v>
      </c>
      <c r="D40" s="22">
        <v>1203</v>
      </c>
      <c r="E40" s="22">
        <v>1196</v>
      </c>
      <c r="F40" s="22"/>
      <c r="G40" s="21" t="s">
        <v>76</v>
      </c>
      <c r="H40" s="20"/>
      <c r="I40" s="16">
        <v>3015</v>
      </c>
      <c r="J40" s="22">
        <v>1269</v>
      </c>
      <c r="K40" s="22">
        <v>1746</v>
      </c>
    </row>
    <row r="41" spans="1:11" ht="20.100000000000001" customHeight="1">
      <c r="A41" s="20" t="s">
        <v>77</v>
      </c>
      <c r="B41" s="20"/>
      <c r="C41" s="16">
        <v>13969</v>
      </c>
      <c r="D41" s="17">
        <v>6925</v>
      </c>
      <c r="E41" s="17">
        <v>7044</v>
      </c>
      <c r="F41" s="17"/>
      <c r="G41" s="21" t="s">
        <v>78</v>
      </c>
      <c r="H41" s="20"/>
      <c r="I41" s="16">
        <v>12795</v>
      </c>
      <c r="J41" s="17">
        <v>5490</v>
      </c>
      <c r="K41" s="17">
        <v>7305</v>
      </c>
    </row>
    <row r="42" spans="1:11" ht="15" customHeight="1">
      <c r="A42" s="20" t="s">
        <v>79</v>
      </c>
      <c r="B42" s="20"/>
      <c r="C42" s="16">
        <v>2613</v>
      </c>
      <c r="D42" s="22">
        <v>1289</v>
      </c>
      <c r="E42" s="22">
        <v>1324</v>
      </c>
      <c r="F42" s="22"/>
      <c r="G42" s="21" t="s">
        <v>80</v>
      </c>
      <c r="H42" s="20"/>
      <c r="I42" s="16">
        <v>2995</v>
      </c>
      <c r="J42" s="22">
        <v>1288</v>
      </c>
      <c r="K42" s="22">
        <v>1707</v>
      </c>
    </row>
    <row r="43" spans="1:11" ht="15" customHeight="1">
      <c r="A43" s="20" t="s">
        <v>81</v>
      </c>
      <c r="B43" s="20"/>
      <c r="C43" s="16">
        <v>2683</v>
      </c>
      <c r="D43" s="22">
        <v>1346</v>
      </c>
      <c r="E43" s="22">
        <v>1337</v>
      </c>
      <c r="F43" s="22"/>
      <c r="G43" s="21" t="s">
        <v>82</v>
      </c>
      <c r="H43" s="20"/>
      <c r="I43" s="16">
        <v>2885</v>
      </c>
      <c r="J43" s="22">
        <v>1207</v>
      </c>
      <c r="K43" s="22">
        <v>1678</v>
      </c>
    </row>
    <row r="44" spans="1:11" ht="15" customHeight="1">
      <c r="A44" s="20" t="s">
        <v>83</v>
      </c>
      <c r="B44" s="20"/>
      <c r="C44" s="16">
        <v>2828</v>
      </c>
      <c r="D44" s="22">
        <v>1384</v>
      </c>
      <c r="E44" s="22">
        <v>1444</v>
      </c>
      <c r="F44" s="22"/>
      <c r="G44" s="21" t="s">
        <v>84</v>
      </c>
      <c r="H44" s="20"/>
      <c r="I44" s="16">
        <v>2583</v>
      </c>
      <c r="J44" s="22">
        <v>1092</v>
      </c>
      <c r="K44" s="22">
        <v>1491</v>
      </c>
    </row>
    <row r="45" spans="1:11" ht="15" customHeight="1">
      <c r="A45" s="20" t="s">
        <v>85</v>
      </c>
      <c r="B45" s="20"/>
      <c r="C45" s="16">
        <v>2825</v>
      </c>
      <c r="D45" s="22">
        <v>1451</v>
      </c>
      <c r="E45" s="22">
        <v>1374</v>
      </c>
      <c r="F45" s="22"/>
      <c r="G45" s="21" t="s">
        <v>86</v>
      </c>
      <c r="H45" s="20"/>
      <c r="I45" s="16">
        <v>2269</v>
      </c>
      <c r="J45" s="22">
        <v>960</v>
      </c>
      <c r="K45" s="22">
        <v>1309</v>
      </c>
    </row>
    <row r="46" spans="1:11" ht="15" customHeight="1">
      <c r="A46" s="20" t="s">
        <v>87</v>
      </c>
      <c r="B46" s="20"/>
      <c r="C46" s="16">
        <v>3020</v>
      </c>
      <c r="D46" s="22">
        <v>1455</v>
      </c>
      <c r="E46" s="22">
        <v>1565</v>
      </c>
      <c r="F46" s="22"/>
      <c r="G46" s="21" t="s">
        <v>88</v>
      </c>
      <c r="H46" s="20"/>
      <c r="I46" s="16">
        <v>2063</v>
      </c>
      <c r="J46" s="22">
        <v>943</v>
      </c>
      <c r="K46" s="22">
        <v>1120</v>
      </c>
    </row>
    <row r="47" spans="1:11" ht="20.100000000000001" customHeight="1">
      <c r="A47" s="20" t="s">
        <v>89</v>
      </c>
      <c r="B47" s="20"/>
      <c r="C47" s="16">
        <v>16351</v>
      </c>
      <c r="D47" s="17">
        <v>8327</v>
      </c>
      <c r="E47" s="17">
        <v>8024</v>
      </c>
      <c r="F47" s="17"/>
      <c r="G47" s="21" t="s">
        <v>90</v>
      </c>
      <c r="H47" s="20"/>
      <c r="I47" s="16">
        <v>8483</v>
      </c>
      <c r="J47" s="17">
        <v>3315</v>
      </c>
      <c r="K47" s="17">
        <v>5168</v>
      </c>
    </row>
    <row r="48" spans="1:11" ht="15" customHeight="1">
      <c r="A48" s="20" t="s">
        <v>91</v>
      </c>
      <c r="B48" s="20"/>
      <c r="C48" s="16">
        <v>3182</v>
      </c>
      <c r="D48" s="22">
        <v>1610</v>
      </c>
      <c r="E48" s="22">
        <v>1572</v>
      </c>
      <c r="F48" s="22"/>
      <c r="G48" s="21" t="s">
        <v>92</v>
      </c>
      <c r="H48" s="20"/>
      <c r="I48" s="16">
        <v>2093</v>
      </c>
      <c r="J48" s="22">
        <v>863</v>
      </c>
      <c r="K48" s="22">
        <v>1230</v>
      </c>
    </row>
    <row r="49" spans="1:11" ht="15" customHeight="1">
      <c r="A49" s="20" t="s">
        <v>93</v>
      </c>
      <c r="B49" s="20"/>
      <c r="C49" s="16">
        <v>3111</v>
      </c>
      <c r="D49" s="22">
        <v>1554</v>
      </c>
      <c r="E49" s="22">
        <v>1557</v>
      </c>
      <c r="F49" s="22"/>
      <c r="G49" s="21" t="s">
        <v>94</v>
      </c>
      <c r="H49" s="20"/>
      <c r="I49" s="16">
        <v>1932</v>
      </c>
      <c r="J49" s="22">
        <v>732</v>
      </c>
      <c r="K49" s="22">
        <v>1200</v>
      </c>
    </row>
    <row r="50" spans="1:11" ht="15" customHeight="1">
      <c r="A50" s="20" t="s">
        <v>95</v>
      </c>
      <c r="B50" s="20"/>
      <c r="C50" s="16">
        <v>3307</v>
      </c>
      <c r="D50" s="22">
        <v>1709</v>
      </c>
      <c r="E50" s="22">
        <v>1598</v>
      </c>
      <c r="F50" s="22"/>
      <c r="G50" s="21" t="s">
        <v>96</v>
      </c>
      <c r="H50" s="20"/>
      <c r="I50" s="16">
        <v>1793</v>
      </c>
      <c r="J50" s="22">
        <v>729</v>
      </c>
      <c r="K50" s="22">
        <v>1064</v>
      </c>
    </row>
    <row r="51" spans="1:11" ht="15" customHeight="1">
      <c r="A51" s="20" t="s">
        <v>97</v>
      </c>
      <c r="B51" s="20"/>
      <c r="C51" s="16">
        <v>3400</v>
      </c>
      <c r="D51" s="22">
        <v>1713</v>
      </c>
      <c r="E51" s="22">
        <v>1687</v>
      </c>
      <c r="F51" s="22"/>
      <c r="G51" s="21" t="s">
        <v>98</v>
      </c>
      <c r="H51" s="20"/>
      <c r="I51" s="16">
        <v>1375</v>
      </c>
      <c r="J51" s="22">
        <v>524</v>
      </c>
      <c r="K51" s="22">
        <v>851</v>
      </c>
    </row>
    <row r="52" spans="1:11" ht="15" customHeight="1">
      <c r="A52" s="20" t="s">
        <v>99</v>
      </c>
      <c r="B52" s="20"/>
      <c r="C52" s="16">
        <v>3351</v>
      </c>
      <c r="D52" s="22">
        <v>1741</v>
      </c>
      <c r="E52" s="22">
        <v>1610</v>
      </c>
      <c r="F52" s="22"/>
      <c r="G52" s="21" t="s">
        <v>100</v>
      </c>
      <c r="H52" s="20"/>
      <c r="I52" s="16">
        <v>1290</v>
      </c>
      <c r="J52" s="22">
        <v>467</v>
      </c>
      <c r="K52" s="22">
        <v>823</v>
      </c>
    </row>
    <row r="53" spans="1:11" ht="20.100000000000001" customHeight="1">
      <c r="A53" s="20" t="s">
        <v>101</v>
      </c>
      <c r="B53" s="20"/>
      <c r="C53" s="16">
        <v>18098</v>
      </c>
      <c r="D53" s="17">
        <v>9214</v>
      </c>
      <c r="E53" s="17">
        <v>8884</v>
      </c>
      <c r="F53" s="17"/>
      <c r="G53" s="21" t="s">
        <v>102</v>
      </c>
      <c r="H53" s="20"/>
      <c r="I53" s="16">
        <v>3711</v>
      </c>
      <c r="J53" s="17">
        <v>1125</v>
      </c>
      <c r="K53" s="17">
        <v>2586</v>
      </c>
    </row>
    <row r="54" spans="1:11" ht="15" customHeight="1">
      <c r="A54" s="20" t="s">
        <v>103</v>
      </c>
      <c r="B54" s="20"/>
      <c r="C54" s="16">
        <v>3470</v>
      </c>
      <c r="D54" s="22">
        <v>1766</v>
      </c>
      <c r="E54" s="22">
        <v>1704</v>
      </c>
      <c r="F54" s="22"/>
      <c r="G54" s="21" t="s">
        <v>104</v>
      </c>
      <c r="H54" s="20"/>
      <c r="I54" s="16">
        <v>1080</v>
      </c>
      <c r="J54" s="22">
        <v>385</v>
      </c>
      <c r="K54" s="22">
        <v>695</v>
      </c>
    </row>
    <row r="55" spans="1:11" ht="15" customHeight="1">
      <c r="A55" s="20" t="s">
        <v>105</v>
      </c>
      <c r="B55" s="20"/>
      <c r="C55" s="16">
        <v>3419</v>
      </c>
      <c r="D55" s="22">
        <v>1739</v>
      </c>
      <c r="E55" s="22">
        <v>1680</v>
      </c>
      <c r="F55" s="22"/>
      <c r="G55" s="21" t="s">
        <v>106</v>
      </c>
      <c r="H55" s="20"/>
      <c r="I55" s="16">
        <v>817</v>
      </c>
      <c r="J55" s="22">
        <v>258</v>
      </c>
      <c r="K55" s="22">
        <v>559</v>
      </c>
    </row>
    <row r="56" spans="1:11" ht="15" customHeight="1">
      <c r="A56" s="20" t="s">
        <v>107</v>
      </c>
      <c r="B56" s="20"/>
      <c r="C56" s="16">
        <v>3539</v>
      </c>
      <c r="D56" s="22">
        <v>1800</v>
      </c>
      <c r="E56" s="22">
        <v>1739</v>
      </c>
      <c r="F56" s="22"/>
      <c r="G56" s="21" t="s">
        <v>108</v>
      </c>
      <c r="H56" s="20"/>
      <c r="I56" s="16">
        <v>738</v>
      </c>
      <c r="J56" s="22">
        <v>198</v>
      </c>
      <c r="K56" s="22">
        <v>540</v>
      </c>
    </row>
    <row r="57" spans="1:11" ht="15" customHeight="1">
      <c r="A57" s="20" t="s">
        <v>109</v>
      </c>
      <c r="B57" s="20"/>
      <c r="C57" s="16">
        <v>3800</v>
      </c>
      <c r="D57" s="22">
        <v>1912</v>
      </c>
      <c r="E57" s="22">
        <v>1888</v>
      </c>
      <c r="F57" s="22"/>
      <c r="G57" s="21" t="s">
        <v>110</v>
      </c>
      <c r="H57" s="20"/>
      <c r="I57" s="16">
        <v>575</v>
      </c>
      <c r="J57" s="22">
        <v>154</v>
      </c>
      <c r="K57" s="22">
        <v>421</v>
      </c>
    </row>
    <row r="58" spans="1:11" ht="15" customHeight="1">
      <c r="A58" s="20" t="s">
        <v>111</v>
      </c>
      <c r="B58" s="20"/>
      <c r="C58" s="16">
        <v>3870</v>
      </c>
      <c r="D58" s="22">
        <v>1997</v>
      </c>
      <c r="E58" s="22">
        <v>1873</v>
      </c>
      <c r="F58" s="22"/>
      <c r="G58" s="21" t="s">
        <v>112</v>
      </c>
      <c r="H58" s="20"/>
      <c r="I58" s="16">
        <v>501</v>
      </c>
      <c r="J58" s="22">
        <v>130</v>
      </c>
      <c r="K58" s="22">
        <v>371</v>
      </c>
    </row>
    <row r="59" spans="1:11" ht="20.100000000000001" customHeight="1">
      <c r="A59" s="20" t="s">
        <v>113</v>
      </c>
      <c r="B59" s="20"/>
      <c r="C59" s="16">
        <v>22534</v>
      </c>
      <c r="D59" s="17">
        <v>11300</v>
      </c>
      <c r="E59" s="17">
        <v>11234</v>
      </c>
      <c r="F59" s="17"/>
      <c r="G59" s="21" t="s">
        <v>114</v>
      </c>
      <c r="H59" s="20"/>
      <c r="I59" s="16">
        <v>936</v>
      </c>
      <c r="J59" s="17">
        <v>210</v>
      </c>
      <c r="K59" s="17">
        <v>726</v>
      </c>
    </row>
    <row r="60" spans="1:11" ht="15" customHeight="1">
      <c r="A60" s="20" t="s">
        <v>115</v>
      </c>
      <c r="B60" s="20"/>
      <c r="C60" s="16">
        <v>4088</v>
      </c>
      <c r="D60" s="22">
        <v>2093</v>
      </c>
      <c r="E60" s="22">
        <v>1995</v>
      </c>
      <c r="F60" s="22"/>
      <c r="G60" s="21" t="s">
        <v>116</v>
      </c>
      <c r="H60" s="20"/>
      <c r="I60" s="16">
        <v>303</v>
      </c>
      <c r="J60" s="22">
        <v>82</v>
      </c>
      <c r="K60" s="22">
        <v>221</v>
      </c>
    </row>
    <row r="61" spans="1:11" ht="15" customHeight="1">
      <c r="A61" s="20" t="s">
        <v>117</v>
      </c>
      <c r="B61" s="20"/>
      <c r="C61" s="16">
        <v>4336</v>
      </c>
      <c r="D61" s="22">
        <v>2181</v>
      </c>
      <c r="E61" s="22">
        <v>2155</v>
      </c>
      <c r="F61" s="22"/>
      <c r="G61" s="21" t="s">
        <v>118</v>
      </c>
      <c r="H61" s="20"/>
      <c r="I61" s="16">
        <v>270</v>
      </c>
      <c r="J61" s="22">
        <v>58</v>
      </c>
      <c r="K61" s="22">
        <v>212</v>
      </c>
    </row>
    <row r="62" spans="1:11" ht="15" customHeight="1">
      <c r="A62" s="20" t="s">
        <v>119</v>
      </c>
      <c r="B62" s="20"/>
      <c r="C62" s="16">
        <v>4465</v>
      </c>
      <c r="D62" s="22">
        <v>2247</v>
      </c>
      <c r="E62" s="22">
        <v>2218</v>
      </c>
      <c r="F62" s="22"/>
      <c r="G62" s="21" t="s">
        <v>120</v>
      </c>
      <c r="H62" s="20"/>
      <c r="I62" s="16">
        <v>160</v>
      </c>
      <c r="J62" s="22">
        <v>35</v>
      </c>
      <c r="K62" s="22">
        <v>125</v>
      </c>
    </row>
    <row r="63" spans="1:11" ht="15" customHeight="1">
      <c r="A63" s="20" t="s">
        <v>121</v>
      </c>
      <c r="B63" s="20"/>
      <c r="C63" s="16">
        <v>4747</v>
      </c>
      <c r="D63" s="22">
        <v>2363</v>
      </c>
      <c r="E63" s="22">
        <v>2384</v>
      </c>
      <c r="F63" s="22"/>
      <c r="G63" s="21" t="s">
        <v>122</v>
      </c>
      <c r="H63" s="20"/>
      <c r="I63" s="16">
        <v>114</v>
      </c>
      <c r="J63" s="22">
        <v>18</v>
      </c>
      <c r="K63" s="22">
        <v>96</v>
      </c>
    </row>
    <row r="64" spans="1:11" ht="15" customHeight="1">
      <c r="A64" s="20" t="s">
        <v>123</v>
      </c>
      <c r="B64" s="20"/>
      <c r="C64" s="16">
        <v>4898</v>
      </c>
      <c r="D64" s="22">
        <v>2416</v>
      </c>
      <c r="E64" s="22">
        <v>2482</v>
      </c>
      <c r="F64" s="22"/>
      <c r="G64" s="21" t="s">
        <v>124</v>
      </c>
      <c r="H64" s="20"/>
      <c r="I64" s="16">
        <v>89</v>
      </c>
      <c r="J64" s="22">
        <v>17</v>
      </c>
      <c r="K64" s="22">
        <v>72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47</v>
      </c>
      <c r="J65" s="22">
        <v>21</v>
      </c>
      <c r="K65" s="22">
        <v>126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4977</v>
      </c>
      <c r="J66" s="32">
        <v>2225</v>
      </c>
      <c r="K66" s="32">
        <v>2752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70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14312</v>
      </c>
      <c r="D4" s="17">
        <v>104211</v>
      </c>
      <c r="E4" s="17">
        <v>110101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6837</v>
      </c>
      <c r="D5" s="17">
        <v>3458</v>
      </c>
      <c r="E5" s="17">
        <v>3379</v>
      </c>
      <c r="F5" s="17"/>
      <c r="G5" s="21" t="s">
        <v>6</v>
      </c>
      <c r="H5" s="20"/>
      <c r="I5" s="16">
        <v>18027</v>
      </c>
      <c r="J5" s="17">
        <v>8959</v>
      </c>
      <c r="K5" s="17">
        <v>9068</v>
      </c>
    </row>
    <row r="6" spans="1:11" ht="15" customHeight="1">
      <c r="A6" s="20" t="s">
        <v>7</v>
      </c>
      <c r="B6" s="20"/>
      <c r="C6" s="16">
        <v>1262</v>
      </c>
      <c r="D6" s="22">
        <v>587</v>
      </c>
      <c r="E6" s="22">
        <v>675</v>
      </c>
      <c r="F6" s="22"/>
      <c r="G6" s="21" t="s">
        <v>8</v>
      </c>
      <c r="H6" s="20"/>
      <c r="I6" s="16">
        <v>3684</v>
      </c>
      <c r="J6" s="22">
        <v>1849</v>
      </c>
      <c r="K6" s="22">
        <v>1835</v>
      </c>
    </row>
    <row r="7" spans="1:11" ht="15" customHeight="1">
      <c r="A7" s="20" t="s">
        <v>9</v>
      </c>
      <c r="B7" s="20"/>
      <c r="C7" s="16">
        <v>1391</v>
      </c>
      <c r="D7" s="22">
        <v>716</v>
      </c>
      <c r="E7" s="22">
        <v>675</v>
      </c>
      <c r="F7" s="22"/>
      <c r="G7" s="21" t="s">
        <v>10</v>
      </c>
      <c r="H7" s="20"/>
      <c r="I7" s="16">
        <v>3752</v>
      </c>
      <c r="J7" s="22">
        <v>1835</v>
      </c>
      <c r="K7" s="22">
        <v>1917</v>
      </c>
    </row>
    <row r="8" spans="1:11" ht="15" customHeight="1">
      <c r="A8" s="20" t="s">
        <v>11</v>
      </c>
      <c r="B8" s="20"/>
      <c r="C8" s="16">
        <v>1375</v>
      </c>
      <c r="D8" s="22">
        <v>723</v>
      </c>
      <c r="E8" s="22">
        <v>652</v>
      </c>
      <c r="F8" s="22"/>
      <c r="G8" s="21" t="s">
        <v>12</v>
      </c>
      <c r="H8" s="20"/>
      <c r="I8" s="16">
        <v>3657</v>
      </c>
      <c r="J8" s="22">
        <v>1836</v>
      </c>
      <c r="K8" s="22">
        <v>1821</v>
      </c>
    </row>
    <row r="9" spans="1:11" ht="15" customHeight="1">
      <c r="A9" s="20" t="s">
        <v>13</v>
      </c>
      <c r="B9" s="20"/>
      <c r="C9" s="16">
        <v>1396</v>
      </c>
      <c r="D9" s="22">
        <v>696</v>
      </c>
      <c r="E9" s="22">
        <v>700</v>
      </c>
      <c r="F9" s="22"/>
      <c r="G9" s="21" t="s">
        <v>14</v>
      </c>
      <c r="H9" s="20"/>
      <c r="I9" s="16">
        <v>3560</v>
      </c>
      <c r="J9" s="22">
        <v>1749</v>
      </c>
      <c r="K9" s="22">
        <v>1811</v>
      </c>
    </row>
    <row r="10" spans="1:11" ht="15" customHeight="1">
      <c r="A10" s="20" t="s">
        <v>15</v>
      </c>
      <c r="B10" s="20"/>
      <c r="C10" s="16">
        <v>1413</v>
      </c>
      <c r="D10" s="22">
        <v>736</v>
      </c>
      <c r="E10" s="22">
        <v>677</v>
      </c>
      <c r="F10" s="22"/>
      <c r="G10" s="21" t="s">
        <v>16</v>
      </c>
      <c r="H10" s="20"/>
      <c r="I10" s="16">
        <v>3374</v>
      </c>
      <c r="J10" s="22">
        <v>1690</v>
      </c>
      <c r="K10" s="22">
        <v>1684</v>
      </c>
    </row>
    <row r="11" spans="1:11" ht="20.100000000000001" customHeight="1">
      <c r="A11" s="20" t="s">
        <v>17</v>
      </c>
      <c r="B11" s="20"/>
      <c r="C11" s="16">
        <v>7607</v>
      </c>
      <c r="D11" s="17">
        <v>3860</v>
      </c>
      <c r="E11" s="17">
        <v>3747</v>
      </c>
      <c r="F11" s="17"/>
      <c r="G11" s="21" t="s">
        <v>18</v>
      </c>
      <c r="H11" s="20"/>
      <c r="I11" s="16">
        <v>15580</v>
      </c>
      <c r="J11" s="17">
        <v>7855</v>
      </c>
      <c r="K11" s="17">
        <v>7725</v>
      </c>
    </row>
    <row r="12" spans="1:11" ht="15" customHeight="1">
      <c r="A12" s="20" t="s">
        <v>19</v>
      </c>
      <c r="B12" s="20"/>
      <c r="C12" s="16">
        <v>1486</v>
      </c>
      <c r="D12" s="22">
        <v>759</v>
      </c>
      <c r="E12" s="22">
        <v>727</v>
      </c>
      <c r="F12" s="22"/>
      <c r="G12" s="21" t="s">
        <v>20</v>
      </c>
      <c r="H12" s="20"/>
      <c r="I12" s="16">
        <v>3661</v>
      </c>
      <c r="J12" s="22">
        <v>1863</v>
      </c>
      <c r="K12" s="22">
        <v>1798</v>
      </c>
    </row>
    <row r="13" spans="1:11" ht="15" customHeight="1">
      <c r="A13" s="20" t="s">
        <v>21</v>
      </c>
      <c r="B13" s="20"/>
      <c r="C13" s="16">
        <v>1409</v>
      </c>
      <c r="D13" s="22">
        <v>709</v>
      </c>
      <c r="E13" s="22">
        <v>700</v>
      </c>
      <c r="F13" s="22"/>
      <c r="G13" s="21" t="s">
        <v>22</v>
      </c>
      <c r="H13" s="20"/>
      <c r="I13" s="16">
        <v>2586</v>
      </c>
      <c r="J13" s="22">
        <v>1302</v>
      </c>
      <c r="K13" s="22">
        <v>1284</v>
      </c>
    </row>
    <row r="14" spans="1:11" ht="15" customHeight="1">
      <c r="A14" s="20" t="s">
        <v>23</v>
      </c>
      <c r="B14" s="20"/>
      <c r="C14" s="16">
        <v>1485</v>
      </c>
      <c r="D14" s="22">
        <v>736</v>
      </c>
      <c r="E14" s="22">
        <v>749</v>
      </c>
      <c r="F14" s="22"/>
      <c r="G14" s="21" t="s">
        <v>24</v>
      </c>
      <c r="H14" s="20"/>
      <c r="I14" s="16">
        <v>3363</v>
      </c>
      <c r="J14" s="22">
        <v>1676</v>
      </c>
      <c r="K14" s="22">
        <v>1687</v>
      </c>
    </row>
    <row r="15" spans="1:11" ht="15" customHeight="1">
      <c r="A15" s="20" t="s">
        <v>25</v>
      </c>
      <c r="B15" s="20"/>
      <c r="C15" s="16">
        <v>1575</v>
      </c>
      <c r="D15" s="22">
        <v>828</v>
      </c>
      <c r="E15" s="22">
        <v>747</v>
      </c>
      <c r="F15" s="22"/>
      <c r="G15" s="21" t="s">
        <v>26</v>
      </c>
      <c r="H15" s="20"/>
      <c r="I15" s="16">
        <v>3108</v>
      </c>
      <c r="J15" s="22">
        <v>1567</v>
      </c>
      <c r="K15" s="22">
        <v>1541</v>
      </c>
    </row>
    <row r="16" spans="1:11" ht="15" customHeight="1">
      <c r="A16" s="20" t="s">
        <v>27</v>
      </c>
      <c r="B16" s="20"/>
      <c r="C16" s="16">
        <v>1652</v>
      </c>
      <c r="D16" s="22">
        <v>828</v>
      </c>
      <c r="E16" s="22">
        <v>824</v>
      </c>
      <c r="F16" s="22"/>
      <c r="G16" s="21" t="s">
        <v>28</v>
      </c>
      <c r="H16" s="20"/>
      <c r="I16" s="16">
        <v>2862</v>
      </c>
      <c r="J16" s="22">
        <v>1447</v>
      </c>
      <c r="K16" s="22">
        <v>1415</v>
      </c>
    </row>
    <row r="17" spans="1:11" ht="20.100000000000001" customHeight="1">
      <c r="A17" s="24" t="s">
        <v>29</v>
      </c>
      <c r="B17" s="24"/>
      <c r="C17" s="16">
        <v>8602</v>
      </c>
      <c r="D17" s="17">
        <v>4411</v>
      </c>
      <c r="E17" s="17">
        <v>4191</v>
      </c>
      <c r="F17" s="17"/>
      <c r="G17" s="21" t="s">
        <v>30</v>
      </c>
      <c r="H17" s="20"/>
      <c r="I17" s="16">
        <v>12791</v>
      </c>
      <c r="J17" s="17">
        <v>6321</v>
      </c>
      <c r="K17" s="17">
        <v>6470</v>
      </c>
    </row>
    <row r="18" spans="1:11" ht="15" customHeight="1">
      <c r="A18" s="20" t="s">
        <v>31</v>
      </c>
      <c r="B18" s="20"/>
      <c r="C18" s="16">
        <v>1665</v>
      </c>
      <c r="D18" s="22">
        <v>871</v>
      </c>
      <c r="E18" s="22">
        <v>794</v>
      </c>
      <c r="F18" s="22"/>
      <c r="G18" s="21" t="s">
        <v>32</v>
      </c>
      <c r="H18" s="20"/>
      <c r="I18" s="16">
        <v>2748</v>
      </c>
      <c r="J18" s="22">
        <v>1364</v>
      </c>
      <c r="K18" s="22">
        <v>1384</v>
      </c>
    </row>
    <row r="19" spans="1:11" ht="15" customHeight="1">
      <c r="A19" s="20" t="s">
        <v>33</v>
      </c>
      <c r="B19" s="20"/>
      <c r="C19" s="16">
        <v>1647</v>
      </c>
      <c r="D19" s="22">
        <v>837</v>
      </c>
      <c r="E19" s="22">
        <v>810</v>
      </c>
      <c r="F19" s="22"/>
      <c r="G19" s="21" t="s">
        <v>34</v>
      </c>
      <c r="H19" s="20"/>
      <c r="I19" s="16">
        <v>2646</v>
      </c>
      <c r="J19" s="22">
        <v>1317</v>
      </c>
      <c r="K19" s="22">
        <v>1329</v>
      </c>
    </row>
    <row r="20" spans="1:11" ht="15" customHeight="1">
      <c r="A20" s="20" t="s">
        <v>35</v>
      </c>
      <c r="B20" s="20"/>
      <c r="C20" s="16">
        <v>1761</v>
      </c>
      <c r="D20" s="22">
        <v>888</v>
      </c>
      <c r="E20" s="22">
        <v>873</v>
      </c>
      <c r="F20" s="22"/>
      <c r="G20" s="21" t="s">
        <v>36</v>
      </c>
      <c r="H20" s="20"/>
      <c r="I20" s="16">
        <v>2496</v>
      </c>
      <c r="J20" s="22">
        <v>1229</v>
      </c>
      <c r="K20" s="22">
        <v>1267</v>
      </c>
    </row>
    <row r="21" spans="1:11" ht="15" customHeight="1">
      <c r="A21" s="20" t="s">
        <v>37</v>
      </c>
      <c r="B21" s="20"/>
      <c r="C21" s="16">
        <v>1810</v>
      </c>
      <c r="D21" s="22">
        <v>921</v>
      </c>
      <c r="E21" s="22">
        <v>889</v>
      </c>
      <c r="F21" s="22"/>
      <c r="G21" s="21" t="s">
        <v>38</v>
      </c>
      <c r="H21" s="20"/>
      <c r="I21" s="16">
        <v>2502</v>
      </c>
      <c r="J21" s="22">
        <v>1217</v>
      </c>
      <c r="K21" s="22">
        <v>1285</v>
      </c>
    </row>
    <row r="22" spans="1:11" ht="15" customHeight="1">
      <c r="A22" s="20" t="s">
        <v>39</v>
      </c>
      <c r="B22" s="20"/>
      <c r="C22" s="16">
        <v>1719</v>
      </c>
      <c r="D22" s="22">
        <v>894</v>
      </c>
      <c r="E22" s="22">
        <v>825</v>
      </c>
      <c r="F22" s="22"/>
      <c r="G22" s="21" t="s">
        <v>40</v>
      </c>
      <c r="H22" s="20"/>
      <c r="I22" s="16">
        <v>2399</v>
      </c>
      <c r="J22" s="22">
        <v>1194</v>
      </c>
      <c r="K22" s="22">
        <v>1205</v>
      </c>
    </row>
    <row r="23" spans="1:11" ht="20.100000000000001" customHeight="1">
      <c r="A23" s="20" t="s">
        <v>41</v>
      </c>
      <c r="B23" s="20"/>
      <c r="C23" s="16">
        <v>9079</v>
      </c>
      <c r="D23" s="17">
        <v>4642</v>
      </c>
      <c r="E23" s="17">
        <v>4437</v>
      </c>
      <c r="F23" s="17"/>
      <c r="G23" s="21" t="s">
        <v>42</v>
      </c>
      <c r="H23" s="20"/>
      <c r="I23" s="16">
        <v>11522</v>
      </c>
      <c r="J23" s="17">
        <v>5541</v>
      </c>
      <c r="K23" s="17">
        <v>5981</v>
      </c>
    </row>
    <row r="24" spans="1:11" ht="15" customHeight="1">
      <c r="A24" s="20" t="s">
        <v>43</v>
      </c>
      <c r="B24" s="20"/>
      <c r="C24" s="16">
        <v>1697</v>
      </c>
      <c r="D24" s="22">
        <v>872</v>
      </c>
      <c r="E24" s="22">
        <v>825</v>
      </c>
      <c r="F24" s="22"/>
      <c r="G24" s="21" t="s">
        <v>44</v>
      </c>
      <c r="H24" s="20"/>
      <c r="I24" s="16">
        <v>2258</v>
      </c>
      <c r="J24" s="22">
        <v>1084</v>
      </c>
      <c r="K24" s="22">
        <v>1174</v>
      </c>
    </row>
    <row r="25" spans="1:11" ht="15" customHeight="1">
      <c r="A25" s="20" t="s">
        <v>45</v>
      </c>
      <c r="B25" s="20"/>
      <c r="C25" s="16">
        <v>1842</v>
      </c>
      <c r="D25" s="22">
        <v>965</v>
      </c>
      <c r="E25" s="22">
        <v>877</v>
      </c>
      <c r="F25" s="22"/>
      <c r="G25" s="21" t="s">
        <v>46</v>
      </c>
      <c r="H25" s="20"/>
      <c r="I25" s="16">
        <v>2225</v>
      </c>
      <c r="J25" s="22">
        <v>1104</v>
      </c>
      <c r="K25" s="22">
        <v>1121</v>
      </c>
    </row>
    <row r="26" spans="1:11" ht="15" customHeight="1">
      <c r="A26" s="20" t="s">
        <v>47</v>
      </c>
      <c r="B26" s="20"/>
      <c r="C26" s="16">
        <v>1707</v>
      </c>
      <c r="D26" s="22">
        <v>854</v>
      </c>
      <c r="E26" s="22">
        <v>853</v>
      </c>
      <c r="F26" s="22"/>
      <c r="G26" s="21" t="s">
        <v>48</v>
      </c>
      <c r="H26" s="20"/>
      <c r="I26" s="16">
        <v>2405</v>
      </c>
      <c r="J26" s="22">
        <v>1137</v>
      </c>
      <c r="K26" s="22">
        <v>1268</v>
      </c>
    </row>
    <row r="27" spans="1:11" ht="15" customHeight="1">
      <c r="A27" s="20" t="s">
        <v>49</v>
      </c>
      <c r="B27" s="20"/>
      <c r="C27" s="16">
        <v>1966</v>
      </c>
      <c r="D27" s="22">
        <v>1030</v>
      </c>
      <c r="E27" s="22">
        <v>936</v>
      </c>
      <c r="F27" s="22"/>
      <c r="G27" s="21" t="s">
        <v>50</v>
      </c>
      <c r="H27" s="20"/>
      <c r="I27" s="16">
        <v>2284</v>
      </c>
      <c r="J27" s="22">
        <v>1084</v>
      </c>
      <c r="K27" s="22">
        <v>1200</v>
      </c>
    </row>
    <row r="28" spans="1:11" ht="15" customHeight="1">
      <c r="A28" s="20" t="s">
        <v>51</v>
      </c>
      <c r="B28" s="20"/>
      <c r="C28" s="16">
        <v>1867</v>
      </c>
      <c r="D28" s="22">
        <v>921</v>
      </c>
      <c r="E28" s="22">
        <v>946</v>
      </c>
      <c r="F28" s="22"/>
      <c r="G28" s="21" t="s">
        <v>52</v>
      </c>
      <c r="H28" s="20"/>
      <c r="I28" s="16">
        <v>2350</v>
      </c>
      <c r="J28" s="22">
        <v>1132</v>
      </c>
      <c r="K28" s="22">
        <v>1218</v>
      </c>
    </row>
    <row r="29" spans="1:11" ht="20.100000000000001" customHeight="1">
      <c r="A29" s="20" t="s">
        <v>53</v>
      </c>
      <c r="B29" s="20"/>
      <c r="C29" s="16">
        <v>9852</v>
      </c>
      <c r="D29" s="17">
        <v>4897</v>
      </c>
      <c r="E29" s="17">
        <v>4955</v>
      </c>
      <c r="F29" s="17"/>
      <c r="G29" s="21" t="s">
        <v>54</v>
      </c>
      <c r="H29" s="20"/>
      <c r="I29" s="16">
        <v>14936</v>
      </c>
      <c r="J29" s="17">
        <v>6951</v>
      </c>
      <c r="K29" s="17">
        <v>7985</v>
      </c>
    </row>
    <row r="30" spans="1:11" ht="15" customHeight="1">
      <c r="A30" s="20" t="s">
        <v>55</v>
      </c>
      <c r="B30" s="20"/>
      <c r="C30" s="16">
        <v>1868</v>
      </c>
      <c r="D30" s="22">
        <v>906</v>
      </c>
      <c r="E30" s="22">
        <v>962</v>
      </c>
      <c r="F30" s="22"/>
      <c r="G30" s="21" t="s">
        <v>56</v>
      </c>
      <c r="H30" s="20"/>
      <c r="I30" s="16">
        <v>2558</v>
      </c>
      <c r="J30" s="22">
        <v>1200</v>
      </c>
      <c r="K30" s="22">
        <v>1358</v>
      </c>
    </row>
    <row r="31" spans="1:11" ht="15" customHeight="1">
      <c r="A31" s="20" t="s">
        <v>57</v>
      </c>
      <c r="B31" s="20"/>
      <c r="C31" s="16">
        <v>1969</v>
      </c>
      <c r="D31" s="22">
        <v>989</v>
      </c>
      <c r="E31" s="22">
        <v>980</v>
      </c>
      <c r="F31" s="22"/>
      <c r="G31" s="21" t="s">
        <v>58</v>
      </c>
      <c r="H31" s="20"/>
      <c r="I31" s="16">
        <v>2729</v>
      </c>
      <c r="J31" s="22">
        <v>1317</v>
      </c>
      <c r="K31" s="22">
        <v>1412</v>
      </c>
    </row>
    <row r="32" spans="1:11" ht="15" customHeight="1">
      <c r="A32" s="20" t="s">
        <v>59</v>
      </c>
      <c r="B32" s="20"/>
      <c r="C32" s="16">
        <v>2023</v>
      </c>
      <c r="D32" s="22">
        <v>1024</v>
      </c>
      <c r="E32" s="22">
        <v>999</v>
      </c>
      <c r="F32" s="22"/>
      <c r="G32" s="21" t="s">
        <v>60</v>
      </c>
      <c r="H32" s="20"/>
      <c r="I32" s="16">
        <v>2939</v>
      </c>
      <c r="J32" s="22">
        <v>1389</v>
      </c>
      <c r="K32" s="22">
        <v>1550</v>
      </c>
    </row>
    <row r="33" spans="1:11" ht="15" customHeight="1">
      <c r="A33" s="20" t="s">
        <v>61</v>
      </c>
      <c r="B33" s="20"/>
      <c r="C33" s="16">
        <v>1890</v>
      </c>
      <c r="D33" s="22">
        <v>912</v>
      </c>
      <c r="E33" s="22">
        <v>978</v>
      </c>
      <c r="F33" s="22"/>
      <c r="G33" s="21" t="s">
        <v>62</v>
      </c>
      <c r="H33" s="20"/>
      <c r="I33" s="16">
        <v>3361</v>
      </c>
      <c r="J33" s="22">
        <v>1538</v>
      </c>
      <c r="K33" s="22">
        <v>1823</v>
      </c>
    </row>
    <row r="34" spans="1:11" ht="15" customHeight="1">
      <c r="A34" s="20" t="s">
        <v>63</v>
      </c>
      <c r="B34" s="20"/>
      <c r="C34" s="16">
        <v>2102</v>
      </c>
      <c r="D34" s="22">
        <v>1066</v>
      </c>
      <c r="E34" s="22">
        <v>1036</v>
      </c>
      <c r="F34" s="22"/>
      <c r="G34" s="21" t="s">
        <v>64</v>
      </c>
      <c r="H34" s="20"/>
      <c r="I34" s="16">
        <v>3349</v>
      </c>
      <c r="J34" s="22">
        <v>1507</v>
      </c>
      <c r="K34" s="22">
        <v>1842</v>
      </c>
    </row>
    <row r="35" spans="1:11" ht="20.100000000000001" customHeight="1">
      <c r="A35" s="20" t="s">
        <v>65</v>
      </c>
      <c r="B35" s="20"/>
      <c r="C35" s="16">
        <v>9852</v>
      </c>
      <c r="D35" s="17">
        <v>4859</v>
      </c>
      <c r="E35" s="17">
        <v>4993</v>
      </c>
      <c r="F35" s="17"/>
      <c r="G35" s="21" t="s">
        <v>66</v>
      </c>
      <c r="H35" s="20"/>
      <c r="I35" s="16">
        <v>12978</v>
      </c>
      <c r="J35" s="17">
        <v>5642</v>
      </c>
      <c r="K35" s="17">
        <v>7336</v>
      </c>
    </row>
    <row r="36" spans="1:11" ht="15" customHeight="1">
      <c r="A36" s="20" t="s">
        <v>67</v>
      </c>
      <c r="B36" s="20"/>
      <c r="C36" s="16">
        <v>1957</v>
      </c>
      <c r="D36" s="22">
        <v>1023</v>
      </c>
      <c r="E36" s="22">
        <v>934</v>
      </c>
      <c r="F36" s="22"/>
      <c r="G36" s="21" t="s">
        <v>68</v>
      </c>
      <c r="H36" s="20"/>
      <c r="I36" s="16">
        <v>3327</v>
      </c>
      <c r="J36" s="22">
        <v>1512</v>
      </c>
      <c r="K36" s="22">
        <v>1815</v>
      </c>
    </row>
    <row r="37" spans="1:11" ht="15" customHeight="1">
      <c r="A37" s="20" t="s">
        <v>69</v>
      </c>
      <c r="B37" s="20"/>
      <c r="C37" s="16">
        <v>2025</v>
      </c>
      <c r="D37" s="22">
        <v>1017</v>
      </c>
      <c r="E37" s="22">
        <v>1008</v>
      </c>
      <c r="F37" s="22"/>
      <c r="G37" s="21" t="s">
        <v>70</v>
      </c>
      <c r="H37" s="20"/>
      <c r="I37" s="16">
        <v>2308</v>
      </c>
      <c r="J37" s="22">
        <v>973</v>
      </c>
      <c r="K37" s="22">
        <v>1335</v>
      </c>
    </row>
    <row r="38" spans="1:11" ht="15" customHeight="1">
      <c r="A38" s="20" t="s">
        <v>71</v>
      </c>
      <c r="B38" s="20"/>
      <c r="C38" s="16">
        <v>1972</v>
      </c>
      <c r="D38" s="22">
        <v>947</v>
      </c>
      <c r="E38" s="22">
        <v>1025</v>
      </c>
      <c r="F38" s="22"/>
      <c r="G38" s="21" t="s">
        <v>72</v>
      </c>
      <c r="H38" s="20"/>
      <c r="I38" s="16">
        <v>2108</v>
      </c>
      <c r="J38" s="22">
        <v>923</v>
      </c>
      <c r="K38" s="22">
        <v>1185</v>
      </c>
    </row>
    <row r="39" spans="1:11" ht="15" customHeight="1">
      <c r="A39" s="20" t="s">
        <v>73</v>
      </c>
      <c r="B39" s="20"/>
      <c r="C39" s="16">
        <v>1955</v>
      </c>
      <c r="D39" s="22">
        <v>957</v>
      </c>
      <c r="E39" s="22">
        <v>998</v>
      </c>
      <c r="F39" s="22"/>
      <c r="G39" s="21" t="s">
        <v>74</v>
      </c>
      <c r="H39" s="20"/>
      <c r="I39" s="16">
        <v>2496</v>
      </c>
      <c r="J39" s="22">
        <v>1045</v>
      </c>
      <c r="K39" s="22">
        <v>1451</v>
      </c>
    </row>
    <row r="40" spans="1:11" ht="15" customHeight="1">
      <c r="A40" s="20" t="s">
        <v>75</v>
      </c>
      <c r="B40" s="20"/>
      <c r="C40" s="16">
        <v>1943</v>
      </c>
      <c r="D40" s="22">
        <v>915</v>
      </c>
      <c r="E40" s="22">
        <v>1028</v>
      </c>
      <c r="F40" s="22"/>
      <c r="G40" s="21" t="s">
        <v>76</v>
      </c>
      <c r="H40" s="20"/>
      <c r="I40" s="16">
        <v>2739</v>
      </c>
      <c r="J40" s="22">
        <v>1189</v>
      </c>
      <c r="K40" s="22">
        <v>1550</v>
      </c>
    </row>
    <row r="41" spans="1:11" ht="20.100000000000001" customHeight="1">
      <c r="A41" s="20" t="s">
        <v>77</v>
      </c>
      <c r="B41" s="20"/>
      <c r="C41" s="16">
        <v>10244</v>
      </c>
      <c r="D41" s="17">
        <v>5204</v>
      </c>
      <c r="E41" s="17">
        <v>5040</v>
      </c>
      <c r="F41" s="17"/>
      <c r="G41" s="21" t="s">
        <v>78</v>
      </c>
      <c r="H41" s="20"/>
      <c r="I41" s="16">
        <v>11046</v>
      </c>
      <c r="J41" s="17">
        <v>4705</v>
      </c>
      <c r="K41" s="17">
        <v>6341</v>
      </c>
    </row>
    <row r="42" spans="1:11" ht="15" customHeight="1">
      <c r="A42" s="20" t="s">
        <v>79</v>
      </c>
      <c r="B42" s="20"/>
      <c r="C42" s="16">
        <v>1961</v>
      </c>
      <c r="D42" s="22">
        <v>961</v>
      </c>
      <c r="E42" s="22">
        <v>1000</v>
      </c>
      <c r="F42" s="22"/>
      <c r="G42" s="21" t="s">
        <v>80</v>
      </c>
      <c r="H42" s="20"/>
      <c r="I42" s="16">
        <v>2586</v>
      </c>
      <c r="J42" s="22">
        <v>1108</v>
      </c>
      <c r="K42" s="22">
        <v>1478</v>
      </c>
    </row>
    <row r="43" spans="1:11" ht="15" customHeight="1">
      <c r="A43" s="20" t="s">
        <v>81</v>
      </c>
      <c r="B43" s="20"/>
      <c r="C43" s="16">
        <v>2023</v>
      </c>
      <c r="D43" s="22">
        <v>1031</v>
      </c>
      <c r="E43" s="22">
        <v>992</v>
      </c>
      <c r="F43" s="22"/>
      <c r="G43" s="21" t="s">
        <v>82</v>
      </c>
      <c r="H43" s="20"/>
      <c r="I43" s="16">
        <v>2565</v>
      </c>
      <c r="J43" s="22">
        <v>1070</v>
      </c>
      <c r="K43" s="22">
        <v>1495</v>
      </c>
    </row>
    <row r="44" spans="1:11" ht="15" customHeight="1">
      <c r="A44" s="20" t="s">
        <v>83</v>
      </c>
      <c r="B44" s="20"/>
      <c r="C44" s="16">
        <v>2000</v>
      </c>
      <c r="D44" s="22">
        <v>1031</v>
      </c>
      <c r="E44" s="22">
        <v>969</v>
      </c>
      <c r="F44" s="22"/>
      <c r="G44" s="21" t="s">
        <v>84</v>
      </c>
      <c r="H44" s="20"/>
      <c r="I44" s="16">
        <v>2259</v>
      </c>
      <c r="J44" s="22">
        <v>947</v>
      </c>
      <c r="K44" s="22">
        <v>1312</v>
      </c>
    </row>
    <row r="45" spans="1:11" ht="15" customHeight="1">
      <c r="A45" s="20" t="s">
        <v>85</v>
      </c>
      <c r="B45" s="20"/>
      <c r="C45" s="16">
        <v>2050</v>
      </c>
      <c r="D45" s="22">
        <v>1050</v>
      </c>
      <c r="E45" s="22">
        <v>1000</v>
      </c>
      <c r="F45" s="22"/>
      <c r="G45" s="21" t="s">
        <v>86</v>
      </c>
      <c r="H45" s="20"/>
      <c r="I45" s="16">
        <v>1789</v>
      </c>
      <c r="J45" s="22">
        <v>783</v>
      </c>
      <c r="K45" s="22">
        <v>1006</v>
      </c>
    </row>
    <row r="46" spans="1:11" ht="15" customHeight="1">
      <c r="A46" s="20" t="s">
        <v>87</v>
      </c>
      <c r="B46" s="20"/>
      <c r="C46" s="16">
        <v>2210</v>
      </c>
      <c r="D46" s="22">
        <v>1131</v>
      </c>
      <c r="E46" s="22">
        <v>1079</v>
      </c>
      <c r="F46" s="22"/>
      <c r="G46" s="21" t="s">
        <v>88</v>
      </c>
      <c r="H46" s="20"/>
      <c r="I46" s="16">
        <v>1847</v>
      </c>
      <c r="J46" s="22">
        <v>797</v>
      </c>
      <c r="K46" s="22">
        <v>1050</v>
      </c>
    </row>
    <row r="47" spans="1:11" ht="20.100000000000001" customHeight="1">
      <c r="A47" s="20" t="s">
        <v>89</v>
      </c>
      <c r="B47" s="20"/>
      <c r="C47" s="16">
        <v>11297</v>
      </c>
      <c r="D47" s="17">
        <v>5765</v>
      </c>
      <c r="E47" s="17">
        <v>5532</v>
      </c>
      <c r="F47" s="17"/>
      <c r="G47" s="21" t="s">
        <v>90</v>
      </c>
      <c r="H47" s="20"/>
      <c r="I47" s="16">
        <v>7374</v>
      </c>
      <c r="J47" s="17">
        <v>2883</v>
      </c>
      <c r="K47" s="17">
        <v>4491</v>
      </c>
    </row>
    <row r="48" spans="1:11" ht="15" customHeight="1">
      <c r="A48" s="20" t="s">
        <v>91</v>
      </c>
      <c r="B48" s="20"/>
      <c r="C48" s="16">
        <v>2143</v>
      </c>
      <c r="D48" s="22">
        <v>1062</v>
      </c>
      <c r="E48" s="22">
        <v>1081</v>
      </c>
      <c r="F48" s="22"/>
      <c r="G48" s="21" t="s">
        <v>92</v>
      </c>
      <c r="H48" s="20"/>
      <c r="I48" s="16">
        <v>1829</v>
      </c>
      <c r="J48" s="22">
        <v>738</v>
      </c>
      <c r="K48" s="22">
        <v>1091</v>
      </c>
    </row>
    <row r="49" spans="1:11" ht="15" customHeight="1">
      <c r="A49" s="20" t="s">
        <v>93</v>
      </c>
      <c r="B49" s="20"/>
      <c r="C49" s="16">
        <v>2161</v>
      </c>
      <c r="D49" s="22">
        <v>1143</v>
      </c>
      <c r="E49" s="22">
        <v>1018</v>
      </c>
      <c r="F49" s="22"/>
      <c r="G49" s="21" t="s">
        <v>94</v>
      </c>
      <c r="H49" s="20"/>
      <c r="I49" s="16">
        <v>1643</v>
      </c>
      <c r="J49" s="22">
        <v>660</v>
      </c>
      <c r="K49" s="22">
        <v>983</v>
      </c>
    </row>
    <row r="50" spans="1:11" ht="15" customHeight="1">
      <c r="A50" s="20" t="s">
        <v>95</v>
      </c>
      <c r="B50" s="20"/>
      <c r="C50" s="16">
        <v>2200</v>
      </c>
      <c r="D50" s="22">
        <v>1122</v>
      </c>
      <c r="E50" s="22">
        <v>1078</v>
      </c>
      <c r="F50" s="22"/>
      <c r="G50" s="21" t="s">
        <v>96</v>
      </c>
      <c r="H50" s="20"/>
      <c r="I50" s="16">
        <v>1583</v>
      </c>
      <c r="J50" s="22">
        <v>616</v>
      </c>
      <c r="K50" s="22">
        <v>967</v>
      </c>
    </row>
    <row r="51" spans="1:11" ht="15" customHeight="1">
      <c r="A51" s="20" t="s">
        <v>97</v>
      </c>
      <c r="B51" s="20"/>
      <c r="C51" s="16">
        <v>2340</v>
      </c>
      <c r="D51" s="22">
        <v>1213</v>
      </c>
      <c r="E51" s="22">
        <v>1127</v>
      </c>
      <c r="F51" s="22"/>
      <c r="G51" s="21" t="s">
        <v>98</v>
      </c>
      <c r="H51" s="20"/>
      <c r="I51" s="16">
        <v>1219</v>
      </c>
      <c r="J51" s="22">
        <v>473</v>
      </c>
      <c r="K51" s="22">
        <v>746</v>
      </c>
    </row>
    <row r="52" spans="1:11" ht="15" customHeight="1">
      <c r="A52" s="20" t="s">
        <v>99</v>
      </c>
      <c r="B52" s="20"/>
      <c r="C52" s="16">
        <v>2453</v>
      </c>
      <c r="D52" s="22">
        <v>1225</v>
      </c>
      <c r="E52" s="22">
        <v>1228</v>
      </c>
      <c r="F52" s="22"/>
      <c r="G52" s="21" t="s">
        <v>100</v>
      </c>
      <c r="H52" s="20"/>
      <c r="I52" s="16">
        <v>1100</v>
      </c>
      <c r="J52" s="22">
        <v>396</v>
      </c>
      <c r="K52" s="22">
        <v>704</v>
      </c>
    </row>
    <row r="53" spans="1:11" ht="20.100000000000001" customHeight="1">
      <c r="A53" s="20" t="s">
        <v>101</v>
      </c>
      <c r="B53" s="20"/>
      <c r="C53" s="16">
        <v>12803</v>
      </c>
      <c r="D53" s="17">
        <v>6535</v>
      </c>
      <c r="E53" s="17">
        <v>6268</v>
      </c>
      <c r="F53" s="17"/>
      <c r="G53" s="21" t="s">
        <v>102</v>
      </c>
      <c r="H53" s="20"/>
      <c r="I53" s="16">
        <v>3096</v>
      </c>
      <c r="J53" s="17">
        <v>1007</v>
      </c>
      <c r="K53" s="17">
        <v>2089</v>
      </c>
    </row>
    <row r="54" spans="1:11" ht="15" customHeight="1">
      <c r="A54" s="20" t="s">
        <v>103</v>
      </c>
      <c r="B54" s="20"/>
      <c r="C54" s="16">
        <v>2374</v>
      </c>
      <c r="D54" s="22">
        <v>1234</v>
      </c>
      <c r="E54" s="22">
        <v>1140</v>
      </c>
      <c r="F54" s="22"/>
      <c r="G54" s="21" t="s">
        <v>104</v>
      </c>
      <c r="H54" s="20"/>
      <c r="I54" s="16">
        <v>950</v>
      </c>
      <c r="J54" s="22">
        <v>312</v>
      </c>
      <c r="K54" s="22">
        <v>638</v>
      </c>
    </row>
    <row r="55" spans="1:11" ht="15" customHeight="1">
      <c r="A55" s="20" t="s">
        <v>105</v>
      </c>
      <c r="B55" s="20"/>
      <c r="C55" s="16">
        <v>2476</v>
      </c>
      <c r="D55" s="22">
        <v>1282</v>
      </c>
      <c r="E55" s="22">
        <v>1194</v>
      </c>
      <c r="F55" s="22"/>
      <c r="G55" s="21" t="s">
        <v>106</v>
      </c>
      <c r="H55" s="20"/>
      <c r="I55" s="16">
        <v>730</v>
      </c>
      <c r="J55" s="22">
        <v>273</v>
      </c>
      <c r="K55" s="22">
        <v>457</v>
      </c>
    </row>
    <row r="56" spans="1:11" ht="15" customHeight="1">
      <c r="A56" s="20" t="s">
        <v>107</v>
      </c>
      <c r="B56" s="20"/>
      <c r="C56" s="16">
        <v>2583</v>
      </c>
      <c r="D56" s="22">
        <v>1282</v>
      </c>
      <c r="E56" s="22">
        <v>1301</v>
      </c>
      <c r="F56" s="22"/>
      <c r="G56" s="21" t="s">
        <v>108</v>
      </c>
      <c r="H56" s="20"/>
      <c r="I56" s="16">
        <v>596</v>
      </c>
      <c r="J56" s="22">
        <v>196</v>
      </c>
      <c r="K56" s="22">
        <v>400</v>
      </c>
    </row>
    <row r="57" spans="1:11" ht="15" customHeight="1">
      <c r="A57" s="20" t="s">
        <v>109</v>
      </c>
      <c r="B57" s="20"/>
      <c r="C57" s="16">
        <v>2668</v>
      </c>
      <c r="D57" s="22">
        <v>1400</v>
      </c>
      <c r="E57" s="22">
        <v>1268</v>
      </c>
      <c r="F57" s="22"/>
      <c r="G57" s="21" t="s">
        <v>110</v>
      </c>
      <c r="H57" s="20"/>
      <c r="I57" s="16">
        <v>471</v>
      </c>
      <c r="J57" s="22">
        <v>146</v>
      </c>
      <c r="K57" s="22">
        <v>325</v>
      </c>
    </row>
    <row r="58" spans="1:11" ht="15" customHeight="1">
      <c r="A58" s="20" t="s">
        <v>111</v>
      </c>
      <c r="B58" s="20"/>
      <c r="C58" s="16">
        <v>2702</v>
      </c>
      <c r="D58" s="22">
        <v>1337</v>
      </c>
      <c r="E58" s="22">
        <v>1365</v>
      </c>
      <c r="F58" s="22"/>
      <c r="G58" s="21" t="s">
        <v>112</v>
      </c>
      <c r="H58" s="20"/>
      <c r="I58" s="16">
        <v>349</v>
      </c>
      <c r="J58" s="22">
        <v>80</v>
      </c>
      <c r="K58" s="22">
        <v>269</v>
      </c>
    </row>
    <row r="59" spans="1:11" ht="20.100000000000001" customHeight="1">
      <c r="A59" s="20" t="s">
        <v>113</v>
      </c>
      <c r="B59" s="20"/>
      <c r="C59" s="16">
        <v>16011</v>
      </c>
      <c r="D59" s="17">
        <v>8126</v>
      </c>
      <c r="E59" s="17">
        <v>7885</v>
      </c>
      <c r="F59" s="17"/>
      <c r="G59" s="21" t="s">
        <v>114</v>
      </c>
      <c r="H59" s="20"/>
      <c r="I59" s="16">
        <v>704</v>
      </c>
      <c r="J59" s="17">
        <v>159</v>
      </c>
      <c r="K59" s="17">
        <v>545</v>
      </c>
    </row>
    <row r="60" spans="1:11" ht="15" customHeight="1">
      <c r="A60" s="20" t="s">
        <v>115</v>
      </c>
      <c r="B60" s="20"/>
      <c r="C60" s="16">
        <v>2851</v>
      </c>
      <c r="D60" s="22">
        <v>1518</v>
      </c>
      <c r="E60" s="22">
        <v>1333</v>
      </c>
      <c r="F60" s="22"/>
      <c r="G60" s="21" t="s">
        <v>116</v>
      </c>
      <c r="H60" s="20"/>
      <c r="I60" s="16">
        <v>264</v>
      </c>
      <c r="J60" s="22">
        <v>72</v>
      </c>
      <c r="K60" s="22">
        <v>192</v>
      </c>
    </row>
    <row r="61" spans="1:11" ht="15" customHeight="1">
      <c r="A61" s="20" t="s">
        <v>117</v>
      </c>
      <c r="B61" s="20"/>
      <c r="C61" s="16">
        <v>3020</v>
      </c>
      <c r="D61" s="22">
        <v>1525</v>
      </c>
      <c r="E61" s="22">
        <v>1495</v>
      </c>
      <c r="F61" s="22"/>
      <c r="G61" s="21" t="s">
        <v>118</v>
      </c>
      <c r="H61" s="20"/>
      <c r="I61" s="16">
        <v>167</v>
      </c>
      <c r="J61" s="22">
        <v>39</v>
      </c>
      <c r="K61" s="22">
        <v>128</v>
      </c>
    </row>
    <row r="62" spans="1:11" ht="15" customHeight="1">
      <c r="A62" s="20" t="s">
        <v>119</v>
      </c>
      <c r="B62" s="20"/>
      <c r="C62" s="16">
        <v>3070</v>
      </c>
      <c r="D62" s="22">
        <v>1556</v>
      </c>
      <c r="E62" s="22">
        <v>1514</v>
      </c>
      <c r="F62" s="22"/>
      <c r="G62" s="21" t="s">
        <v>120</v>
      </c>
      <c r="H62" s="20"/>
      <c r="I62" s="16">
        <v>131</v>
      </c>
      <c r="J62" s="22">
        <v>21</v>
      </c>
      <c r="K62" s="22">
        <v>110</v>
      </c>
    </row>
    <row r="63" spans="1:11" ht="15" customHeight="1">
      <c r="A63" s="20" t="s">
        <v>121</v>
      </c>
      <c r="B63" s="20"/>
      <c r="C63" s="16">
        <v>3401</v>
      </c>
      <c r="D63" s="22">
        <v>1725</v>
      </c>
      <c r="E63" s="22">
        <v>1676</v>
      </c>
      <c r="F63" s="22"/>
      <c r="G63" s="21" t="s">
        <v>122</v>
      </c>
      <c r="H63" s="20"/>
      <c r="I63" s="16">
        <v>87</v>
      </c>
      <c r="J63" s="22">
        <v>16</v>
      </c>
      <c r="K63" s="22">
        <v>71</v>
      </c>
    </row>
    <row r="64" spans="1:11" ht="15" customHeight="1">
      <c r="A64" s="20" t="s">
        <v>123</v>
      </c>
      <c r="B64" s="20"/>
      <c r="C64" s="16">
        <v>3669</v>
      </c>
      <c r="D64" s="22">
        <v>1802</v>
      </c>
      <c r="E64" s="22">
        <v>1867</v>
      </c>
      <c r="F64" s="22"/>
      <c r="G64" s="21" t="s">
        <v>124</v>
      </c>
      <c r="H64" s="20"/>
      <c r="I64" s="16">
        <v>55</v>
      </c>
      <c r="J64" s="22">
        <v>11</v>
      </c>
      <c r="K64" s="22">
        <v>4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20</v>
      </c>
      <c r="J65" s="22">
        <v>22</v>
      </c>
      <c r="K65" s="22">
        <v>98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3954</v>
      </c>
      <c r="J66" s="32">
        <v>2409</v>
      </c>
      <c r="K66" s="32">
        <v>1545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71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42382</v>
      </c>
      <c r="D4" s="17">
        <v>116681</v>
      </c>
      <c r="E4" s="17">
        <v>125701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7586</v>
      </c>
      <c r="D5" s="17">
        <v>3832</v>
      </c>
      <c r="E5" s="17">
        <v>3754</v>
      </c>
      <c r="F5" s="17"/>
      <c r="G5" s="21" t="s">
        <v>6</v>
      </c>
      <c r="H5" s="20"/>
      <c r="I5" s="16">
        <v>19867</v>
      </c>
      <c r="J5" s="17">
        <v>10019</v>
      </c>
      <c r="K5" s="17">
        <v>9848</v>
      </c>
    </row>
    <row r="6" spans="1:11" ht="15" customHeight="1">
      <c r="A6" s="20" t="s">
        <v>7</v>
      </c>
      <c r="B6" s="20"/>
      <c r="C6" s="16">
        <v>1418</v>
      </c>
      <c r="D6" s="22">
        <v>745</v>
      </c>
      <c r="E6" s="22">
        <v>673</v>
      </c>
      <c r="F6" s="22"/>
      <c r="G6" s="21" t="s">
        <v>8</v>
      </c>
      <c r="H6" s="20"/>
      <c r="I6" s="16">
        <v>3905</v>
      </c>
      <c r="J6" s="22">
        <v>1961</v>
      </c>
      <c r="K6" s="22">
        <v>1944</v>
      </c>
    </row>
    <row r="7" spans="1:11" ht="15" customHeight="1">
      <c r="A7" s="20" t="s">
        <v>9</v>
      </c>
      <c r="B7" s="20"/>
      <c r="C7" s="16">
        <v>1504</v>
      </c>
      <c r="D7" s="22">
        <v>765</v>
      </c>
      <c r="E7" s="22">
        <v>739</v>
      </c>
      <c r="F7" s="22"/>
      <c r="G7" s="21" t="s">
        <v>10</v>
      </c>
      <c r="H7" s="20"/>
      <c r="I7" s="16">
        <v>4082</v>
      </c>
      <c r="J7" s="22">
        <v>2035</v>
      </c>
      <c r="K7" s="22">
        <v>2047</v>
      </c>
    </row>
    <row r="8" spans="1:11" ht="15" customHeight="1">
      <c r="A8" s="20" t="s">
        <v>11</v>
      </c>
      <c r="B8" s="20"/>
      <c r="C8" s="16">
        <v>1521</v>
      </c>
      <c r="D8" s="22">
        <v>728</v>
      </c>
      <c r="E8" s="22">
        <v>793</v>
      </c>
      <c r="F8" s="22"/>
      <c r="G8" s="21" t="s">
        <v>12</v>
      </c>
      <c r="H8" s="20"/>
      <c r="I8" s="16">
        <v>4115</v>
      </c>
      <c r="J8" s="22">
        <v>2074</v>
      </c>
      <c r="K8" s="22">
        <v>2041</v>
      </c>
    </row>
    <row r="9" spans="1:11" ht="15" customHeight="1">
      <c r="A9" s="20" t="s">
        <v>13</v>
      </c>
      <c r="B9" s="20"/>
      <c r="C9" s="16">
        <v>1534</v>
      </c>
      <c r="D9" s="22">
        <v>770</v>
      </c>
      <c r="E9" s="22">
        <v>764</v>
      </c>
      <c r="F9" s="22"/>
      <c r="G9" s="21" t="s">
        <v>14</v>
      </c>
      <c r="H9" s="20"/>
      <c r="I9" s="16">
        <v>3873</v>
      </c>
      <c r="J9" s="22">
        <v>1957</v>
      </c>
      <c r="K9" s="22">
        <v>1916</v>
      </c>
    </row>
    <row r="10" spans="1:11" ht="15" customHeight="1">
      <c r="A10" s="20" t="s">
        <v>15</v>
      </c>
      <c r="B10" s="20"/>
      <c r="C10" s="16">
        <v>1609</v>
      </c>
      <c r="D10" s="22">
        <v>824</v>
      </c>
      <c r="E10" s="22">
        <v>785</v>
      </c>
      <c r="F10" s="22"/>
      <c r="G10" s="21" t="s">
        <v>16</v>
      </c>
      <c r="H10" s="20"/>
      <c r="I10" s="16">
        <v>3892</v>
      </c>
      <c r="J10" s="22">
        <v>1992</v>
      </c>
      <c r="K10" s="22">
        <v>1900</v>
      </c>
    </row>
    <row r="11" spans="1:11" ht="20.100000000000001" customHeight="1">
      <c r="A11" s="20" t="s">
        <v>17</v>
      </c>
      <c r="B11" s="20"/>
      <c r="C11" s="16">
        <v>8954</v>
      </c>
      <c r="D11" s="17">
        <v>4554</v>
      </c>
      <c r="E11" s="17">
        <v>4400</v>
      </c>
      <c r="F11" s="17"/>
      <c r="G11" s="21" t="s">
        <v>18</v>
      </c>
      <c r="H11" s="20"/>
      <c r="I11" s="16">
        <v>16917</v>
      </c>
      <c r="J11" s="17">
        <v>8563</v>
      </c>
      <c r="K11" s="17">
        <v>8354</v>
      </c>
    </row>
    <row r="12" spans="1:11" ht="15" customHeight="1">
      <c r="A12" s="20" t="s">
        <v>19</v>
      </c>
      <c r="B12" s="20"/>
      <c r="C12" s="16">
        <v>1711</v>
      </c>
      <c r="D12" s="22">
        <v>882</v>
      </c>
      <c r="E12" s="22">
        <v>829</v>
      </c>
      <c r="F12" s="22"/>
      <c r="G12" s="21" t="s">
        <v>20</v>
      </c>
      <c r="H12" s="20"/>
      <c r="I12" s="16">
        <v>3978</v>
      </c>
      <c r="J12" s="22">
        <v>2033</v>
      </c>
      <c r="K12" s="22">
        <v>1945</v>
      </c>
    </row>
    <row r="13" spans="1:11" ht="15" customHeight="1">
      <c r="A13" s="20" t="s">
        <v>21</v>
      </c>
      <c r="B13" s="20"/>
      <c r="C13" s="16">
        <v>1701</v>
      </c>
      <c r="D13" s="22">
        <v>858</v>
      </c>
      <c r="E13" s="22">
        <v>843</v>
      </c>
      <c r="F13" s="22"/>
      <c r="G13" s="21" t="s">
        <v>22</v>
      </c>
      <c r="H13" s="20"/>
      <c r="I13" s="16">
        <v>2819</v>
      </c>
      <c r="J13" s="22">
        <v>1407</v>
      </c>
      <c r="K13" s="22">
        <v>1412</v>
      </c>
    </row>
    <row r="14" spans="1:11" ht="15" customHeight="1">
      <c r="A14" s="20" t="s">
        <v>23</v>
      </c>
      <c r="B14" s="20"/>
      <c r="C14" s="16">
        <v>1886</v>
      </c>
      <c r="D14" s="22">
        <v>928</v>
      </c>
      <c r="E14" s="22">
        <v>958</v>
      </c>
      <c r="F14" s="22"/>
      <c r="G14" s="21" t="s">
        <v>24</v>
      </c>
      <c r="H14" s="20"/>
      <c r="I14" s="16">
        <v>3649</v>
      </c>
      <c r="J14" s="22">
        <v>1873</v>
      </c>
      <c r="K14" s="22">
        <v>1776</v>
      </c>
    </row>
    <row r="15" spans="1:11" ht="15" customHeight="1">
      <c r="A15" s="20" t="s">
        <v>25</v>
      </c>
      <c r="B15" s="20"/>
      <c r="C15" s="16">
        <v>1829</v>
      </c>
      <c r="D15" s="22">
        <v>951</v>
      </c>
      <c r="E15" s="22">
        <v>878</v>
      </c>
      <c r="F15" s="22"/>
      <c r="G15" s="21" t="s">
        <v>26</v>
      </c>
      <c r="H15" s="20"/>
      <c r="I15" s="16">
        <v>3294</v>
      </c>
      <c r="J15" s="22">
        <v>1669</v>
      </c>
      <c r="K15" s="22">
        <v>1625</v>
      </c>
    </row>
    <row r="16" spans="1:11" ht="15" customHeight="1">
      <c r="A16" s="20" t="s">
        <v>27</v>
      </c>
      <c r="B16" s="20"/>
      <c r="C16" s="16">
        <v>1827</v>
      </c>
      <c r="D16" s="22">
        <v>935</v>
      </c>
      <c r="E16" s="22">
        <v>892</v>
      </c>
      <c r="F16" s="22"/>
      <c r="G16" s="21" t="s">
        <v>28</v>
      </c>
      <c r="H16" s="20"/>
      <c r="I16" s="16">
        <v>3177</v>
      </c>
      <c r="J16" s="22">
        <v>1581</v>
      </c>
      <c r="K16" s="22">
        <v>1596</v>
      </c>
    </row>
    <row r="17" spans="1:11" ht="20.100000000000001" customHeight="1">
      <c r="A17" s="24" t="s">
        <v>29</v>
      </c>
      <c r="B17" s="24"/>
      <c r="C17" s="16">
        <v>10118</v>
      </c>
      <c r="D17" s="17">
        <v>5140</v>
      </c>
      <c r="E17" s="17">
        <v>4978</v>
      </c>
      <c r="F17" s="17"/>
      <c r="G17" s="21" t="s">
        <v>30</v>
      </c>
      <c r="H17" s="20"/>
      <c r="I17" s="16">
        <v>14425</v>
      </c>
      <c r="J17" s="17">
        <v>7225</v>
      </c>
      <c r="K17" s="17">
        <v>7200</v>
      </c>
    </row>
    <row r="18" spans="1:11" ht="15" customHeight="1">
      <c r="A18" s="20" t="s">
        <v>31</v>
      </c>
      <c r="B18" s="20"/>
      <c r="C18" s="16">
        <v>2025</v>
      </c>
      <c r="D18" s="22">
        <v>1006</v>
      </c>
      <c r="E18" s="22">
        <v>1019</v>
      </c>
      <c r="F18" s="22"/>
      <c r="G18" s="21" t="s">
        <v>32</v>
      </c>
      <c r="H18" s="20"/>
      <c r="I18" s="16">
        <v>3092</v>
      </c>
      <c r="J18" s="22">
        <v>1571</v>
      </c>
      <c r="K18" s="22">
        <v>1521</v>
      </c>
    </row>
    <row r="19" spans="1:11" ht="15" customHeight="1">
      <c r="A19" s="20" t="s">
        <v>33</v>
      </c>
      <c r="B19" s="20"/>
      <c r="C19" s="16">
        <v>1901</v>
      </c>
      <c r="D19" s="22">
        <v>974</v>
      </c>
      <c r="E19" s="22">
        <v>927</v>
      </c>
      <c r="F19" s="22"/>
      <c r="G19" s="21" t="s">
        <v>34</v>
      </c>
      <c r="H19" s="20"/>
      <c r="I19" s="16">
        <v>2948</v>
      </c>
      <c r="J19" s="22">
        <v>1463</v>
      </c>
      <c r="K19" s="22">
        <v>1485</v>
      </c>
    </row>
    <row r="20" spans="1:11" ht="15" customHeight="1">
      <c r="A20" s="20" t="s">
        <v>35</v>
      </c>
      <c r="B20" s="20"/>
      <c r="C20" s="16">
        <v>2055</v>
      </c>
      <c r="D20" s="22">
        <v>1033</v>
      </c>
      <c r="E20" s="22">
        <v>1022</v>
      </c>
      <c r="F20" s="22"/>
      <c r="G20" s="21" t="s">
        <v>36</v>
      </c>
      <c r="H20" s="20"/>
      <c r="I20" s="16">
        <v>2894</v>
      </c>
      <c r="J20" s="22">
        <v>1444</v>
      </c>
      <c r="K20" s="22">
        <v>1450</v>
      </c>
    </row>
    <row r="21" spans="1:11" ht="15" customHeight="1">
      <c r="A21" s="20" t="s">
        <v>37</v>
      </c>
      <c r="B21" s="20"/>
      <c r="C21" s="16">
        <v>2113</v>
      </c>
      <c r="D21" s="22">
        <v>1070</v>
      </c>
      <c r="E21" s="22">
        <v>1043</v>
      </c>
      <c r="F21" s="22"/>
      <c r="G21" s="21" t="s">
        <v>38</v>
      </c>
      <c r="H21" s="20"/>
      <c r="I21" s="16">
        <v>2823</v>
      </c>
      <c r="J21" s="22">
        <v>1414</v>
      </c>
      <c r="K21" s="22">
        <v>1409</v>
      </c>
    </row>
    <row r="22" spans="1:11" ht="15" customHeight="1">
      <c r="A22" s="20" t="s">
        <v>39</v>
      </c>
      <c r="B22" s="20"/>
      <c r="C22" s="16">
        <v>2024</v>
      </c>
      <c r="D22" s="22">
        <v>1057</v>
      </c>
      <c r="E22" s="22">
        <v>967</v>
      </c>
      <c r="F22" s="22"/>
      <c r="G22" s="21" t="s">
        <v>40</v>
      </c>
      <c r="H22" s="20"/>
      <c r="I22" s="16">
        <v>2668</v>
      </c>
      <c r="J22" s="22">
        <v>1333</v>
      </c>
      <c r="K22" s="22">
        <v>1335</v>
      </c>
    </row>
    <row r="23" spans="1:11" ht="20.100000000000001" customHeight="1">
      <c r="A23" s="20" t="s">
        <v>41</v>
      </c>
      <c r="B23" s="20"/>
      <c r="C23" s="16">
        <v>10418</v>
      </c>
      <c r="D23" s="17">
        <v>5391</v>
      </c>
      <c r="E23" s="17">
        <v>5027</v>
      </c>
      <c r="F23" s="17"/>
      <c r="G23" s="21" t="s">
        <v>42</v>
      </c>
      <c r="H23" s="20"/>
      <c r="I23" s="16">
        <v>13290</v>
      </c>
      <c r="J23" s="17">
        <v>6402</v>
      </c>
      <c r="K23" s="17">
        <v>6888</v>
      </c>
    </row>
    <row r="24" spans="1:11" ht="15" customHeight="1">
      <c r="A24" s="20" t="s">
        <v>43</v>
      </c>
      <c r="B24" s="20"/>
      <c r="C24" s="16">
        <v>2058</v>
      </c>
      <c r="D24" s="22">
        <v>1051</v>
      </c>
      <c r="E24" s="22">
        <v>1007</v>
      </c>
      <c r="F24" s="22"/>
      <c r="G24" s="21" t="s">
        <v>44</v>
      </c>
      <c r="H24" s="20"/>
      <c r="I24" s="16">
        <v>2555</v>
      </c>
      <c r="J24" s="22">
        <v>1222</v>
      </c>
      <c r="K24" s="22">
        <v>1333</v>
      </c>
    </row>
    <row r="25" spans="1:11" ht="15" customHeight="1">
      <c r="A25" s="20" t="s">
        <v>45</v>
      </c>
      <c r="B25" s="20"/>
      <c r="C25" s="16">
        <v>2077</v>
      </c>
      <c r="D25" s="22">
        <v>1104</v>
      </c>
      <c r="E25" s="22">
        <v>973</v>
      </c>
      <c r="F25" s="22"/>
      <c r="G25" s="21" t="s">
        <v>46</v>
      </c>
      <c r="H25" s="20"/>
      <c r="I25" s="16">
        <v>2612</v>
      </c>
      <c r="J25" s="22">
        <v>1260</v>
      </c>
      <c r="K25" s="22">
        <v>1352</v>
      </c>
    </row>
    <row r="26" spans="1:11" ht="15" customHeight="1">
      <c r="A26" s="20" t="s">
        <v>47</v>
      </c>
      <c r="B26" s="20"/>
      <c r="C26" s="16">
        <v>2028</v>
      </c>
      <c r="D26" s="22">
        <v>1019</v>
      </c>
      <c r="E26" s="22">
        <v>1009</v>
      </c>
      <c r="F26" s="22"/>
      <c r="G26" s="21" t="s">
        <v>48</v>
      </c>
      <c r="H26" s="20"/>
      <c r="I26" s="16">
        <v>2615</v>
      </c>
      <c r="J26" s="22">
        <v>1294</v>
      </c>
      <c r="K26" s="22">
        <v>1321</v>
      </c>
    </row>
    <row r="27" spans="1:11" ht="15" customHeight="1">
      <c r="A27" s="20" t="s">
        <v>49</v>
      </c>
      <c r="B27" s="20"/>
      <c r="C27" s="16">
        <v>2038</v>
      </c>
      <c r="D27" s="22">
        <v>1091</v>
      </c>
      <c r="E27" s="22">
        <v>947</v>
      </c>
      <c r="F27" s="22"/>
      <c r="G27" s="21" t="s">
        <v>50</v>
      </c>
      <c r="H27" s="20"/>
      <c r="I27" s="16">
        <v>2756</v>
      </c>
      <c r="J27" s="22">
        <v>1333</v>
      </c>
      <c r="K27" s="22">
        <v>1423</v>
      </c>
    </row>
    <row r="28" spans="1:11" ht="15" customHeight="1">
      <c r="A28" s="20" t="s">
        <v>51</v>
      </c>
      <c r="B28" s="20"/>
      <c r="C28" s="16">
        <v>2217</v>
      </c>
      <c r="D28" s="22">
        <v>1126</v>
      </c>
      <c r="E28" s="22">
        <v>1091</v>
      </c>
      <c r="F28" s="22"/>
      <c r="G28" s="21" t="s">
        <v>52</v>
      </c>
      <c r="H28" s="20"/>
      <c r="I28" s="16">
        <v>2752</v>
      </c>
      <c r="J28" s="22">
        <v>1293</v>
      </c>
      <c r="K28" s="22">
        <v>1459</v>
      </c>
    </row>
    <row r="29" spans="1:11" ht="20.100000000000001" customHeight="1">
      <c r="A29" s="20" t="s">
        <v>53</v>
      </c>
      <c r="B29" s="20"/>
      <c r="C29" s="16">
        <v>11417</v>
      </c>
      <c r="D29" s="17">
        <v>5687</v>
      </c>
      <c r="E29" s="17">
        <v>5730</v>
      </c>
      <c r="F29" s="17"/>
      <c r="G29" s="21" t="s">
        <v>54</v>
      </c>
      <c r="H29" s="20"/>
      <c r="I29" s="16">
        <v>17101</v>
      </c>
      <c r="J29" s="17">
        <v>8027</v>
      </c>
      <c r="K29" s="17">
        <v>9074</v>
      </c>
    </row>
    <row r="30" spans="1:11" ht="15" customHeight="1">
      <c r="A30" s="20" t="s">
        <v>55</v>
      </c>
      <c r="B30" s="20"/>
      <c r="C30" s="16">
        <v>2219</v>
      </c>
      <c r="D30" s="22">
        <v>1114</v>
      </c>
      <c r="E30" s="22">
        <v>1105</v>
      </c>
      <c r="F30" s="22"/>
      <c r="G30" s="21" t="s">
        <v>56</v>
      </c>
      <c r="H30" s="20"/>
      <c r="I30" s="16">
        <v>2943</v>
      </c>
      <c r="J30" s="22">
        <v>1421</v>
      </c>
      <c r="K30" s="22">
        <v>1522</v>
      </c>
    </row>
    <row r="31" spans="1:11" ht="15" customHeight="1">
      <c r="A31" s="20" t="s">
        <v>57</v>
      </c>
      <c r="B31" s="20"/>
      <c r="C31" s="16">
        <v>2284</v>
      </c>
      <c r="D31" s="22">
        <v>1174</v>
      </c>
      <c r="E31" s="22">
        <v>1110</v>
      </c>
      <c r="F31" s="22"/>
      <c r="G31" s="21" t="s">
        <v>58</v>
      </c>
      <c r="H31" s="20"/>
      <c r="I31" s="16">
        <v>3164</v>
      </c>
      <c r="J31" s="22">
        <v>1488</v>
      </c>
      <c r="K31" s="22">
        <v>1676</v>
      </c>
    </row>
    <row r="32" spans="1:11" ht="15" customHeight="1">
      <c r="A32" s="20" t="s">
        <v>59</v>
      </c>
      <c r="B32" s="20"/>
      <c r="C32" s="16">
        <v>2342</v>
      </c>
      <c r="D32" s="22">
        <v>1149</v>
      </c>
      <c r="E32" s="22">
        <v>1193</v>
      </c>
      <c r="F32" s="22"/>
      <c r="G32" s="21" t="s">
        <v>60</v>
      </c>
      <c r="H32" s="20"/>
      <c r="I32" s="16">
        <v>3388</v>
      </c>
      <c r="J32" s="22">
        <v>1582</v>
      </c>
      <c r="K32" s="22">
        <v>1806</v>
      </c>
    </row>
    <row r="33" spans="1:11" ht="15" customHeight="1">
      <c r="A33" s="20" t="s">
        <v>61</v>
      </c>
      <c r="B33" s="20"/>
      <c r="C33" s="16">
        <v>2289</v>
      </c>
      <c r="D33" s="22">
        <v>1114</v>
      </c>
      <c r="E33" s="22">
        <v>1175</v>
      </c>
      <c r="F33" s="22"/>
      <c r="G33" s="21" t="s">
        <v>62</v>
      </c>
      <c r="H33" s="20"/>
      <c r="I33" s="16">
        <v>3863</v>
      </c>
      <c r="J33" s="22">
        <v>1802</v>
      </c>
      <c r="K33" s="22">
        <v>2061</v>
      </c>
    </row>
    <row r="34" spans="1:11" ht="15" customHeight="1">
      <c r="A34" s="20" t="s">
        <v>63</v>
      </c>
      <c r="B34" s="20"/>
      <c r="C34" s="16">
        <v>2283</v>
      </c>
      <c r="D34" s="22">
        <v>1136</v>
      </c>
      <c r="E34" s="22">
        <v>1147</v>
      </c>
      <c r="F34" s="22"/>
      <c r="G34" s="21" t="s">
        <v>64</v>
      </c>
      <c r="H34" s="20"/>
      <c r="I34" s="16">
        <v>3743</v>
      </c>
      <c r="J34" s="22">
        <v>1734</v>
      </c>
      <c r="K34" s="22">
        <v>2009</v>
      </c>
    </row>
    <row r="35" spans="1:11" ht="20.100000000000001" customHeight="1">
      <c r="A35" s="20" t="s">
        <v>65</v>
      </c>
      <c r="B35" s="20"/>
      <c r="C35" s="16">
        <v>11029</v>
      </c>
      <c r="D35" s="17">
        <v>5498</v>
      </c>
      <c r="E35" s="17">
        <v>5531</v>
      </c>
      <c r="F35" s="17"/>
      <c r="G35" s="21" t="s">
        <v>66</v>
      </c>
      <c r="H35" s="20"/>
      <c r="I35" s="16">
        <v>14732</v>
      </c>
      <c r="J35" s="17">
        <v>6518</v>
      </c>
      <c r="K35" s="17">
        <v>8214</v>
      </c>
    </row>
    <row r="36" spans="1:11" ht="15" customHeight="1">
      <c r="A36" s="20" t="s">
        <v>67</v>
      </c>
      <c r="B36" s="20"/>
      <c r="C36" s="16">
        <v>2246</v>
      </c>
      <c r="D36" s="22">
        <v>1091</v>
      </c>
      <c r="E36" s="22">
        <v>1155</v>
      </c>
      <c r="F36" s="22"/>
      <c r="G36" s="21" t="s">
        <v>68</v>
      </c>
      <c r="H36" s="20"/>
      <c r="I36" s="16">
        <v>3739</v>
      </c>
      <c r="J36" s="22">
        <v>1681</v>
      </c>
      <c r="K36" s="22">
        <v>2058</v>
      </c>
    </row>
    <row r="37" spans="1:11" ht="15" customHeight="1">
      <c r="A37" s="20" t="s">
        <v>69</v>
      </c>
      <c r="B37" s="20"/>
      <c r="C37" s="16">
        <v>2215</v>
      </c>
      <c r="D37" s="22">
        <v>1078</v>
      </c>
      <c r="E37" s="22">
        <v>1137</v>
      </c>
      <c r="F37" s="22"/>
      <c r="G37" s="21" t="s">
        <v>70</v>
      </c>
      <c r="H37" s="20"/>
      <c r="I37" s="16">
        <v>2687</v>
      </c>
      <c r="J37" s="22">
        <v>1242</v>
      </c>
      <c r="K37" s="22">
        <v>1445</v>
      </c>
    </row>
    <row r="38" spans="1:11" ht="15" customHeight="1">
      <c r="A38" s="20" t="s">
        <v>71</v>
      </c>
      <c r="B38" s="20"/>
      <c r="C38" s="16">
        <v>2119</v>
      </c>
      <c r="D38" s="22">
        <v>1083</v>
      </c>
      <c r="E38" s="22">
        <v>1036</v>
      </c>
      <c r="F38" s="22"/>
      <c r="G38" s="21" t="s">
        <v>72</v>
      </c>
      <c r="H38" s="20"/>
      <c r="I38" s="16">
        <v>2338</v>
      </c>
      <c r="J38" s="22">
        <v>1068</v>
      </c>
      <c r="K38" s="22">
        <v>1270</v>
      </c>
    </row>
    <row r="39" spans="1:11" ht="15" customHeight="1">
      <c r="A39" s="20" t="s">
        <v>73</v>
      </c>
      <c r="B39" s="20"/>
      <c r="C39" s="16">
        <v>2263</v>
      </c>
      <c r="D39" s="22">
        <v>1141</v>
      </c>
      <c r="E39" s="22">
        <v>1122</v>
      </c>
      <c r="F39" s="22"/>
      <c r="G39" s="21" t="s">
        <v>74</v>
      </c>
      <c r="H39" s="20"/>
      <c r="I39" s="16">
        <v>2867</v>
      </c>
      <c r="J39" s="22">
        <v>1224</v>
      </c>
      <c r="K39" s="22">
        <v>1643</v>
      </c>
    </row>
    <row r="40" spans="1:11" ht="15" customHeight="1">
      <c r="A40" s="20" t="s">
        <v>75</v>
      </c>
      <c r="B40" s="20"/>
      <c r="C40" s="16">
        <v>2186</v>
      </c>
      <c r="D40" s="22">
        <v>1105</v>
      </c>
      <c r="E40" s="22">
        <v>1081</v>
      </c>
      <c r="F40" s="22"/>
      <c r="G40" s="21" t="s">
        <v>76</v>
      </c>
      <c r="H40" s="20"/>
      <c r="I40" s="16">
        <v>3101</v>
      </c>
      <c r="J40" s="22">
        <v>1303</v>
      </c>
      <c r="K40" s="22">
        <v>1798</v>
      </c>
    </row>
    <row r="41" spans="1:11" ht="20.100000000000001" customHeight="1">
      <c r="A41" s="20" t="s">
        <v>77</v>
      </c>
      <c r="B41" s="20"/>
      <c r="C41" s="16">
        <v>10800</v>
      </c>
      <c r="D41" s="17">
        <v>5430</v>
      </c>
      <c r="E41" s="17">
        <v>5370</v>
      </c>
      <c r="F41" s="17"/>
      <c r="G41" s="21" t="s">
        <v>78</v>
      </c>
      <c r="H41" s="20"/>
      <c r="I41" s="16">
        <v>13052</v>
      </c>
      <c r="J41" s="17">
        <v>5464</v>
      </c>
      <c r="K41" s="17">
        <v>7588</v>
      </c>
    </row>
    <row r="42" spans="1:11" ht="15" customHeight="1">
      <c r="A42" s="20" t="s">
        <v>79</v>
      </c>
      <c r="B42" s="20"/>
      <c r="C42" s="16">
        <v>2077</v>
      </c>
      <c r="D42" s="22">
        <v>1048</v>
      </c>
      <c r="E42" s="22">
        <v>1029</v>
      </c>
      <c r="F42" s="22"/>
      <c r="G42" s="21" t="s">
        <v>80</v>
      </c>
      <c r="H42" s="20"/>
      <c r="I42" s="16">
        <v>2883</v>
      </c>
      <c r="J42" s="22">
        <v>1207</v>
      </c>
      <c r="K42" s="22">
        <v>1676</v>
      </c>
    </row>
    <row r="43" spans="1:11" ht="15" customHeight="1">
      <c r="A43" s="20" t="s">
        <v>81</v>
      </c>
      <c r="B43" s="20"/>
      <c r="C43" s="16">
        <v>2155</v>
      </c>
      <c r="D43" s="22">
        <v>1082</v>
      </c>
      <c r="E43" s="22">
        <v>1073</v>
      </c>
      <c r="F43" s="22"/>
      <c r="G43" s="21" t="s">
        <v>82</v>
      </c>
      <c r="H43" s="20"/>
      <c r="I43" s="16">
        <v>3007</v>
      </c>
      <c r="J43" s="22">
        <v>1301</v>
      </c>
      <c r="K43" s="22">
        <v>1706</v>
      </c>
    </row>
    <row r="44" spans="1:11" ht="15" customHeight="1">
      <c r="A44" s="20" t="s">
        <v>83</v>
      </c>
      <c r="B44" s="20"/>
      <c r="C44" s="16">
        <v>2078</v>
      </c>
      <c r="D44" s="22">
        <v>1061</v>
      </c>
      <c r="E44" s="22">
        <v>1017</v>
      </c>
      <c r="F44" s="22"/>
      <c r="G44" s="21" t="s">
        <v>84</v>
      </c>
      <c r="H44" s="20"/>
      <c r="I44" s="16">
        <v>2718</v>
      </c>
      <c r="J44" s="22">
        <v>1074</v>
      </c>
      <c r="K44" s="22">
        <v>1644</v>
      </c>
    </row>
    <row r="45" spans="1:11" ht="15" customHeight="1">
      <c r="A45" s="20" t="s">
        <v>85</v>
      </c>
      <c r="B45" s="20"/>
      <c r="C45" s="16">
        <v>2143</v>
      </c>
      <c r="D45" s="22">
        <v>1064</v>
      </c>
      <c r="E45" s="22">
        <v>1079</v>
      </c>
      <c r="F45" s="22"/>
      <c r="G45" s="21" t="s">
        <v>86</v>
      </c>
      <c r="H45" s="20"/>
      <c r="I45" s="16">
        <v>2286</v>
      </c>
      <c r="J45" s="22">
        <v>987</v>
      </c>
      <c r="K45" s="22">
        <v>1299</v>
      </c>
    </row>
    <row r="46" spans="1:11" ht="15" customHeight="1">
      <c r="A46" s="20" t="s">
        <v>87</v>
      </c>
      <c r="B46" s="20"/>
      <c r="C46" s="16">
        <v>2347</v>
      </c>
      <c r="D46" s="22">
        <v>1175</v>
      </c>
      <c r="E46" s="22">
        <v>1172</v>
      </c>
      <c r="F46" s="22"/>
      <c r="G46" s="21" t="s">
        <v>88</v>
      </c>
      <c r="H46" s="20"/>
      <c r="I46" s="16">
        <v>2158</v>
      </c>
      <c r="J46" s="22">
        <v>895</v>
      </c>
      <c r="K46" s="22">
        <v>1263</v>
      </c>
    </row>
    <row r="47" spans="1:11" ht="20.100000000000001" customHeight="1">
      <c r="A47" s="20" t="s">
        <v>89</v>
      </c>
      <c r="B47" s="20"/>
      <c r="C47" s="16">
        <v>12464</v>
      </c>
      <c r="D47" s="17">
        <v>6291</v>
      </c>
      <c r="E47" s="17">
        <v>6173</v>
      </c>
      <c r="F47" s="17"/>
      <c r="G47" s="21" t="s">
        <v>90</v>
      </c>
      <c r="H47" s="20"/>
      <c r="I47" s="16">
        <v>8951</v>
      </c>
      <c r="J47" s="17">
        <v>3403</v>
      </c>
      <c r="K47" s="17">
        <v>5548</v>
      </c>
    </row>
    <row r="48" spans="1:11" ht="15" customHeight="1">
      <c r="A48" s="20" t="s">
        <v>91</v>
      </c>
      <c r="B48" s="20"/>
      <c r="C48" s="16">
        <v>2356</v>
      </c>
      <c r="D48" s="22">
        <v>1202</v>
      </c>
      <c r="E48" s="22">
        <v>1154</v>
      </c>
      <c r="F48" s="22"/>
      <c r="G48" s="21" t="s">
        <v>92</v>
      </c>
      <c r="H48" s="20"/>
      <c r="I48" s="16">
        <v>2260</v>
      </c>
      <c r="J48" s="22">
        <v>909</v>
      </c>
      <c r="K48" s="22">
        <v>1351</v>
      </c>
    </row>
    <row r="49" spans="1:11" ht="15" customHeight="1">
      <c r="A49" s="20" t="s">
        <v>93</v>
      </c>
      <c r="B49" s="20"/>
      <c r="C49" s="16">
        <v>2271</v>
      </c>
      <c r="D49" s="22">
        <v>1181</v>
      </c>
      <c r="E49" s="22">
        <v>1090</v>
      </c>
      <c r="F49" s="22"/>
      <c r="G49" s="21" t="s">
        <v>94</v>
      </c>
      <c r="H49" s="20"/>
      <c r="I49" s="16">
        <v>1884</v>
      </c>
      <c r="J49" s="22">
        <v>750</v>
      </c>
      <c r="K49" s="22">
        <v>1134</v>
      </c>
    </row>
    <row r="50" spans="1:11" ht="15" customHeight="1">
      <c r="A50" s="20" t="s">
        <v>95</v>
      </c>
      <c r="B50" s="20"/>
      <c r="C50" s="16">
        <v>2539</v>
      </c>
      <c r="D50" s="22">
        <v>1262</v>
      </c>
      <c r="E50" s="22">
        <v>1277</v>
      </c>
      <c r="F50" s="22"/>
      <c r="G50" s="21" t="s">
        <v>96</v>
      </c>
      <c r="H50" s="20"/>
      <c r="I50" s="16">
        <v>1899</v>
      </c>
      <c r="J50" s="22">
        <v>680</v>
      </c>
      <c r="K50" s="22">
        <v>1219</v>
      </c>
    </row>
    <row r="51" spans="1:11" ht="15" customHeight="1">
      <c r="A51" s="20" t="s">
        <v>97</v>
      </c>
      <c r="B51" s="20"/>
      <c r="C51" s="16">
        <v>2635</v>
      </c>
      <c r="D51" s="22">
        <v>1346</v>
      </c>
      <c r="E51" s="22">
        <v>1289</v>
      </c>
      <c r="F51" s="22"/>
      <c r="G51" s="21" t="s">
        <v>98</v>
      </c>
      <c r="H51" s="20"/>
      <c r="I51" s="16">
        <v>1511</v>
      </c>
      <c r="J51" s="22">
        <v>561</v>
      </c>
      <c r="K51" s="22">
        <v>950</v>
      </c>
    </row>
    <row r="52" spans="1:11" ht="15" customHeight="1">
      <c r="A52" s="20" t="s">
        <v>99</v>
      </c>
      <c r="B52" s="20"/>
      <c r="C52" s="16">
        <v>2663</v>
      </c>
      <c r="D52" s="22">
        <v>1300</v>
      </c>
      <c r="E52" s="22">
        <v>1363</v>
      </c>
      <c r="F52" s="22"/>
      <c r="G52" s="21" t="s">
        <v>100</v>
      </c>
      <c r="H52" s="20"/>
      <c r="I52" s="16">
        <v>1397</v>
      </c>
      <c r="J52" s="22">
        <v>503</v>
      </c>
      <c r="K52" s="22">
        <v>894</v>
      </c>
    </row>
    <row r="53" spans="1:11" ht="20.100000000000001" customHeight="1">
      <c r="A53" s="20" t="s">
        <v>101</v>
      </c>
      <c r="B53" s="20"/>
      <c r="C53" s="16">
        <v>14220</v>
      </c>
      <c r="D53" s="17">
        <v>7194</v>
      </c>
      <c r="E53" s="17">
        <v>7026</v>
      </c>
      <c r="F53" s="17"/>
      <c r="G53" s="21" t="s">
        <v>102</v>
      </c>
      <c r="H53" s="20"/>
      <c r="I53" s="16">
        <v>4153</v>
      </c>
      <c r="J53" s="17">
        <v>1288</v>
      </c>
      <c r="K53" s="17">
        <v>2865</v>
      </c>
    </row>
    <row r="54" spans="1:11" ht="15" customHeight="1">
      <c r="A54" s="20" t="s">
        <v>103</v>
      </c>
      <c r="B54" s="20"/>
      <c r="C54" s="16">
        <v>2674</v>
      </c>
      <c r="D54" s="22">
        <v>1361</v>
      </c>
      <c r="E54" s="22">
        <v>1313</v>
      </c>
      <c r="F54" s="22"/>
      <c r="G54" s="21" t="s">
        <v>104</v>
      </c>
      <c r="H54" s="20"/>
      <c r="I54" s="16">
        <v>1163</v>
      </c>
      <c r="J54" s="22">
        <v>391</v>
      </c>
      <c r="K54" s="22">
        <v>772</v>
      </c>
    </row>
    <row r="55" spans="1:11" ht="15" customHeight="1">
      <c r="A55" s="20" t="s">
        <v>105</v>
      </c>
      <c r="B55" s="20"/>
      <c r="C55" s="16">
        <v>2722</v>
      </c>
      <c r="D55" s="22">
        <v>1417</v>
      </c>
      <c r="E55" s="22">
        <v>1305</v>
      </c>
      <c r="F55" s="22"/>
      <c r="G55" s="21" t="s">
        <v>106</v>
      </c>
      <c r="H55" s="20"/>
      <c r="I55" s="16">
        <v>992</v>
      </c>
      <c r="J55" s="22">
        <v>322</v>
      </c>
      <c r="K55" s="22">
        <v>670</v>
      </c>
    </row>
    <row r="56" spans="1:11" ht="15" customHeight="1">
      <c r="A56" s="20" t="s">
        <v>107</v>
      </c>
      <c r="B56" s="20"/>
      <c r="C56" s="16">
        <v>2872</v>
      </c>
      <c r="D56" s="22">
        <v>1423</v>
      </c>
      <c r="E56" s="22">
        <v>1449</v>
      </c>
      <c r="F56" s="22"/>
      <c r="G56" s="21" t="s">
        <v>108</v>
      </c>
      <c r="H56" s="20"/>
      <c r="I56" s="16">
        <v>830</v>
      </c>
      <c r="J56" s="22">
        <v>251</v>
      </c>
      <c r="K56" s="22">
        <v>579</v>
      </c>
    </row>
    <row r="57" spans="1:11" ht="15" customHeight="1">
      <c r="A57" s="20" t="s">
        <v>109</v>
      </c>
      <c r="B57" s="20"/>
      <c r="C57" s="16">
        <v>2953</v>
      </c>
      <c r="D57" s="22">
        <v>1509</v>
      </c>
      <c r="E57" s="22">
        <v>1444</v>
      </c>
      <c r="F57" s="22"/>
      <c r="G57" s="21" t="s">
        <v>110</v>
      </c>
      <c r="H57" s="20"/>
      <c r="I57" s="16">
        <v>650</v>
      </c>
      <c r="J57" s="22">
        <v>183</v>
      </c>
      <c r="K57" s="22">
        <v>467</v>
      </c>
    </row>
    <row r="58" spans="1:11" ht="15" customHeight="1">
      <c r="A58" s="20" t="s">
        <v>111</v>
      </c>
      <c r="B58" s="20"/>
      <c r="C58" s="16">
        <v>2999</v>
      </c>
      <c r="D58" s="22">
        <v>1484</v>
      </c>
      <c r="E58" s="22">
        <v>1515</v>
      </c>
      <c r="F58" s="22"/>
      <c r="G58" s="21" t="s">
        <v>112</v>
      </c>
      <c r="H58" s="20"/>
      <c r="I58" s="16">
        <v>518</v>
      </c>
      <c r="J58" s="22">
        <v>141</v>
      </c>
      <c r="K58" s="22">
        <v>377</v>
      </c>
    </row>
    <row r="59" spans="1:11" ht="20.100000000000001" customHeight="1">
      <c r="A59" s="20" t="s">
        <v>113</v>
      </c>
      <c r="B59" s="20"/>
      <c r="C59" s="16">
        <v>17961</v>
      </c>
      <c r="D59" s="17">
        <v>9046</v>
      </c>
      <c r="E59" s="17">
        <v>8915</v>
      </c>
      <c r="F59" s="17"/>
      <c r="G59" s="21" t="s">
        <v>114</v>
      </c>
      <c r="H59" s="20"/>
      <c r="I59" s="16">
        <v>1068</v>
      </c>
      <c r="J59" s="17">
        <v>214</v>
      </c>
      <c r="K59" s="17">
        <v>854</v>
      </c>
    </row>
    <row r="60" spans="1:11" ht="15" customHeight="1">
      <c r="A60" s="20" t="s">
        <v>115</v>
      </c>
      <c r="B60" s="20"/>
      <c r="C60" s="16">
        <v>3292</v>
      </c>
      <c r="D60" s="22">
        <v>1662</v>
      </c>
      <c r="E60" s="22">
        <v>1630</v>
      </c>
      <c r="F60" s="22"/>
      <c r="G60" s="21" t="s">
        <v>116</v>
      </c>
      <c r="H60" s="20"/>
      <c r="I60" s="16">
        <v>357</v>
      </c>
      <c r="J60" s="22">
        <v>76</v>
      </c>
      <c r="K60" s="22">
        <v>281</v>
      </c>
    </row>
    <row r="61" spans="1:11" ht="15" customHeight="1">
      <c r="A61" s="20" t="s">
        <v>117</v>
      </c>
      <c r="B61" s="20"/>
      <c r="C61" s="16">
        <v>3402</v>
      </c>
      <c r="D61" s="22">
        <v>1732</v>
      </c>
      <c r="E61" s="22">
        <v>1670</v>
      </c>
      <c r="F61" s="22"/>
      <c r="G61" s="21" t="s">
        <v>118</v>
      </c>
      <c r="H61" s="20"/>
      <c r="I61" s="16">
        <v>252</v>
      </c>
      <c r="J61" s="22">
        <v>55</v>
      </c>
      <c r="K61" s="22">
        <v>197</v>
      </c>
    </row>
    <row r="62" spans="1:11" ht="15" customHeight="1">
      <c r="A62" s="20" t="s">
        <v>119</v>
      </c>
      <c r="B62" s="20"/>
      <c r="C62" s="16">
        <v>3448</v>
      </c>
      <c r="D62" s="22">
        <v>1732</v>
      </c>
      <c r="E62" s="22">
        <v>1716</v>
      </c>
      <c r="F62" s="22"/>
      <c r="G62" s="21" t="s">
        <v>120</v>
      </c>
      <c r="H62" s="20"/>
      <c r="I62" s="16">
        <v>198</v>
      </c>
      <c r="J62" s="22">
        <v>41</v>
      </c>
      <c r="K62" s="22">
        <v>157</v>
      </c>
    </row>
    <row r="63" spans="1:11" ht="15" customHeight="1">
      <c r="A63" s="20" t="s">
        <v>121</v>
      </c>
      <c r="B63" s="20"/>
      <c r="C63" s="16">
        <v>3792</v>
      </c>
      <c r="D63" s="22">
        <v>1956</v>
      </c>
      <c r="E63" s="22">
        <v>1836</v>
      </c>
      <c r="F63" s="22"/>
      <c r="G63" s="21" t="s">
        <v>122</v>
      </c>
      <c r="H63" s="20"/>
      <c r="I63" s="16">
        <v>156</v>
      </c>
      <c r="J63" s="22">
        <v>24</v>
      </c>
      <c r="K63" s="22">
        <v>132</v>
      </c>
    </row>
    <row r="64" spans="1:11" ht="15" customHeight="1">
      <c r="A64" s="20" t="s">
        <v>123</v>
      </c>
      <c r="B64" s="20"/>
      <c r="C64" s="16">
        <v>4027</v>
      </c>
      <c r="D64" s="22">
        <v>1964</v>
      </c>
      <c r="E64" s="22">
        <v>2063</v>
      </c>
      <c r="F64" s="22"/>
      <c r="G64" s="21" t="s">
        <v>124</v>
      </c>
      <c r="H64" s="20"/>
      <c r="I64" s="16">
        <v>105</v>
      </c>
      <c r="J64" s="22">
        <v>18</v>
      </c>
      <c r="K64" s="22">
        <v>87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50</v>
      </c>
      <c r="J65" s="22">
        <v>21</v>
      </c>
      <c r="K65" s="22">
        <v>129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3709</v>
      </c>
      <c r="J66" s="32">
        <v>1474</v>
      </c>
      <c r="K66" s="32">
        <v>2235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3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72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82790</v>
      </c>
      <c r="D4" s="17">
        <v>89747</v>
      </c>
      <c r="E4" s="17">
        <v>93043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6619</v>
      </c>
      <c r="D5" s="17">
        <v>3378</v>
      </c>
      <c r="E5" s="17">
        <v>3241</v>
      </c>
      <c r="F5" s="17"/>
      <c r="G5" s="21" t="s">
        <v>6</v>
      </c>
      <c r="H5" s="20"/>
      <c r="I5" s="16">
        <v>15512</v>
      </c>
      <c r="J5" s="17">
        <v>7899</v>
      </c>
      <c r="K5" s="17">
        <v>7613</v>
      </c>
    </row>
    <row r="6" spans="1:11" ht="15" customHeight="1">
      <c r="A6" s="20" t="s">
        <v>7</v>
      </c>
      <c r="B6" s="20"/>
      <c r="C6" s="16">
        <v>1192</v>
      </c>
      <c r="D6" s="22">
        <v>584</v>
      </c>
      <c r="E6" s="22">
        <v>608</v>
      </c>
      <c r="F6" s="22"/>
      <c r="G6" s="21" t="s">
        <v>8</v>
      </c>
      <c r="H6" s="20"/>
      <c r="I6" s="16">
        <v>3161</v>
      </c>
      <c r="J6" s="22">
        <v>1587</v>
      </c>
      <c r="K6" s="22">
        <v>1574</v>
      </c>
    </row>
    <row r="7" spans="1:11" ht="15" customHeight="1">
      <c r="A7" s="20" t="s">
        <v>9</v>
      </c>
      <c r="B7" s="20"/>
      <c r="C7" s="16">
        <v>1271</v>
      </c>
      <c r="D7" s="22">
        <v>657</v>
      </c>
      <c r="E7" s="22">
        <v>614</v>
      </c>
      <c r="F7" s="22"/>
      <c r="G7" s="21" t="s">
        <v>10</v>
      </c>
      <c r="H7" s="20"/>
      <c r="I7" s="16">
        <v>3173</v>
      </c>
      <c r="J7" s="22">
        <v>1566</v>
      </c>
      <c r="K7" s="22">
        <v>1607</v>
      </c>
    </row>
    <row r="8" spans="1:11" ht="15" customHeight="1">
      <c r="A8" s="20" t="s">
        <v>11</v>
      </c>
      <c r="B8" s="20"/>
      <c r="C8" s="16">
        <v>1329</v>
      </c>
      <c r="D8" s="22">
        <v>648</v>
      </c>
      <c r="E8" s="22">
        <v>681</v>
      </c>
      <c r="F8" s="22"/>
      <c r="G8" s="21" t="s">
        <v>12</v>
      </c>
      <c r="H8" s="20"/>
      <c r="I8" s="16">
        <v>3131</v>
      </c>
      <c r="J8" s="22">
        <v>1585</v>
      </c>
      <c r="K8" s="22">
        <v>1546</v>
      </c>
    </row>
    <row r="9" spans="1:11" ht="15" customHeight="1">
      <c r="A9" s="20" t="s">
        <v>13</v>
      </c>
      <c r="B9" s="20"/>
      <c r="C9" s="16">
        <v>1376</v>
      </c>
      <c r="D9" s="22">
        <v>741</v>
      </c>
      <c r="E9" s="22">
        <v>635</v>
      </c>
      <c r="F9" s="22"/>
      <c r="G9" s="21" t="s">
        <v>14</v>
      </c>
      <c r="H9" s="20"/>
      <c r="I9" s="16">
        <v>3083</v>
      </c>
      <c r="J9" s="22">
        <v>1635</v>
      </c>
      <c r="K9" s="22">
        <v>1448</v>
      </c>
    </row>
    <row r="10" spans="1:11" ht="15" customHeight="1">
      <c r="A10" s="20" t="s">
        <v>15</v>
      </c>
      <c r="B10" s="20"/>
      <c r="C10" s="16">
        <v>1451</v>
      </c>
      <c r="D10" s="22">
        <v>748</v>
      </c>
      <c r="E10" s="22">
        <v>703</v>
      </c>
      <c r="F10" s="22"/>
      <c r="G10" s="21" t="s">
        <v>16</v>
      </c>
      <c r="H10" s="20"/>
      <c r="I10" s="16">
        <v>2964</v>
      </c>
      <c r="J10" s="22">
        <v>1526</v>
      </c>
      <c r="K10" s="22">
        <v>1438</v>
      </c>
    </row>
    <row r="11" spans="1:11" ht="20.100000000000001" customHeight="1">
      <c r="A11" s="20" t="s">
        <v>17</v>
      </c>
      <c r="B11" s="20"/>
      <c r="C11" s="16">
        <v>7468</v>
      </c>
      <c r="D11" s="17">
        <v>3815</v>
      </c>
      <c r="E11" s="17">
        <v>3653</v>
      </c>
      <c r="F11" s="17"/>
      <c r="G11" s="21" t="s">
        <v>18</v>
      </c>
      <c r="H11" s="20"/>
      <c r="I11" s="16">
        <v>12954</v>
      </c>
      <c r="J11" s="17">
        <v>6590</v>
      </c>
      <c r="K11" s="17">
        <v>6364</v>
      </c>
    </row>
    <row r="12" spans="1:11" ht="15" customHeight="1">
      <c r="A12" s="20" t="s">
        <v>19</v>
      </c>
      <c r="B12" s="20"/>
      <c r="C12" s="16">
        <v>1413</v>
      </c>
      <c r="D12" s="22">
        <v>700</v>
      </c>
      <c r="E12" s="22">
        <v>713</v>
      </c>
      <c r="F12" s="22"/>
      <c r="G12" s="21" t="s">
        <v>20</v>
      </c>
      <c r="H12" s="20"/>
      <c r="I12" s="16">
        <v>3077</v>
      </c>
      <c r="J12" s="22">
        <v>1543</v>
      </c>
      <c r="K12" s="22">
        <v>1534</v>
      </c>
    </row>
    <row r="13" spans="1:11" ht="15" customHeight="1">
      <c r="A13" s="20" t="s">
        <v>21</v>
      </c>
      <c r="B13" s="20"/>
      <c r="C13" s="16">
        <v>1528</v>
      </c>
      <c r="D13" s="22">
        <v>776</v>
      </c>
      <c r="E13" s="22">
        <v>752</v>
      </c>
      <c r="F13" s="22"/>
      <c r="G13" s="21" t="s">
        <v>22</v>
      </c>
      <c r="H13" s="20"/>
      <c r="I13" s="16">
        <v>2205</v>
      </c>
      <c r="J13" s="22">
        <v>1142</v>
      </c>
      <c r="K13" s="22">
        <v>1063</v>
      </c>
    </row>
    <row r="14" spans="1:11" ht="15" customHeight="1">
      <c r="A14" s="20" t="s">
        <v>23</v>
      </c>
      <c r="B14" s="20"/>
      <c r="C14" s="16">
        <v>1493</v>
      </c>
      <c r="D14" s="22">
        <v>770</v>
      </c>
      <c r="E14" s="22">
        <v>723</v>
      </c>
      <c r="F14" s="22"/>
      <c r="G14" s="21" t="s">
        <v>24</v>
      </c>
      <c r="H14" s="20"/>
      <c r="I14" s="16">
        <v>2795</v>
      </c>
      <c r="J14" s="22">
        <v>1393</v>
      </c>
      <c r="K14" s="22">
        <v>1402</v>
      </c>
    </row>
    <row r="15" spans="1:11" ht="15" customHeight="1">
      <c r="A15" s="20" t="s">
        <v>25</v>
      </c>
      <c r="B15" s="20"/>
      <c r="C15" s="16">
        <v>1499</v>
      </c>
      <c r="D15" s="22">
        <v>767</v>
      </c>
      <c r="E15" s="22">
        <v>732</v>
      </c>
      <c r="F15" s="22"/>
      <c r="G15" s="21" t="s">
        <v>26</v>
      </c>
      <c r="H15" s="20"/>
      <c r="I15" s="16">
        <v>2477</v>
      </c>
      <c r="J15" s="22">
        <v>1283</v>
      </c>
      <c r="K15" s="22">
        <v>1194</v>
      </c>
    </row>
    <row r="16" spans="1:11" ht="15" customHeight="1">
      <c r="A16" s="20" t="s">
        <v>27</v>
      </c>
      <c r="B16" s="20"/>
      <c r="C16" s="16">
        <v>1535</v>
      </c>
      <c r="D16" s="22">
        <v>802</v>
      </c>
      <c r="E16" s="22">
        <v>733</v>
      </c>
      <c r="F16" s="22"/>
      <c r="G16" s="21" t="s">
        <v>28</v>
      </c>
      <c r="H16" s="20"/>
      <c r="I16" s="16">
        <v>2400</v>
      </c>
      <c r="J16" s="22">
        <v>1229</v>
      </c>
      <c r="K16" s="22">
        <v>1171</v>
      </c>
    </row>
    <row r="17" spans="1:11" ht="20.100000000000001" customHeight="1">
      <c r="A17" s="24" t="s">
        <v>29</v>
      </c>
      <c r="B17" s="24"/>
      <c r="C17" s="16">
        <v>8178</v>
      </c>
      <c r="D17" s="17">
        <v>4251</v>
      </c>
      <c r="E17" s="17">
        <v>3927</v>
      </c>
      <c r="F17" s="17"/>
      <c r="G17" s="21" t="s">
        <v>30</v>
      </c>
      <c r="H17" s="20"/>
      <c r="I17" s="16">
        <v>10015</v>
      </c>
      <c r="J17" s="17">
        <v>5040</v>
      </c>
      <c r="K17" s="17">
        <v>4975</v>
      </c>
    </row>
    <row r="18" spans="1:11" ht="15" customHeight="1">
      <c r="A18" s="20" t="s">
        <v>31</v>
      </c>
      <c r="B18" s="20"/>
      <c r="C18" s="16">
        <v>1614</v>
      </c>
      <c r="D18" s="22">
        <v>815</v>
      </c>
      <c r="E18" s="22">
        <v>799</v>
      </c>
      <c r="F18" s="22"/>
      <c r="G18" s="21" t="s">
        <v>32</v>
      </c>
      <c r="H18" s="20"/>
      <c r="I18" s="16">
        <v>2138</v>
      </c>
      <c r="J18" s="22">
        <v>1073</v>
      </c>
      <c r="K18" s="22">
        <v>1065</v>
      </c>
    </row>
    <row r="19" spans="1:11" ht="15" customHeight="1">
      <c r="A19" s="20" t="s">
        <v>33</v>
      </c>
      <c r="B19" s="20"/>
      <c r="C19" s="16">
        <v>1591</v>
      </c>
      <c r="D19" s="22">
        <v>818</v>
      </c>
      <c r="E19" s="22">
        <v>773</v>
      </c>
      <c r="F19" s="22"/>
      <c r="G19" s="21" t="s">
        <v>34</v>
      </c>
      <c r="H19" s="20"/>
      <c r="I19" s="16">
        <v>2010</v>
      </c>
      <c r="J19" s="22">
        <v>1007</v>
      </c>
      <c r="K19" s="22">
        <v>1003</v>
      </c>
    </row>
    <row r="20" spans="1:11" ht="15" customHeight="1">
      <c r="A20" s="20" t="s">
        <v>35</v>
      </c>
      <c r="B20" s="20"/>
      <c r="C20" s="16">
        <v>1659</v>
      </c>
      <c r="D20" s="22">
        <v>872</v>
      </c>
      <c r="E20" s="22">
        <v>787</v>
      </c>
      <c r="F20" s="22"/>
      <c r="G20" s="21" t="s">
        <v>36</v>
      </c>
      <c r="H20" s="20"/>
      <c r="I20" s="16">
        <v>2071</v>
      </c>
      <c r="J20" s="22">
        <v>1019</v>
      </c>
      <c r="K20" s="22">
        <v>1052</v>
      </c>
    </row>
    <row r="21" spans="1:11" ht="15" customHeight="1">
      <c r="A21" s="20" t="s">
        <v>37</v>
      </c>
      <c r="B21" s="20"/>
      <c r="C21" s="16">
        <v>1679</v>
      </c>
      <c r="D21" s="22">
        <v>852</v>
      </c>
      <c r="E21" s="22">
        <v>827</v>
      </c>
      <c r="F21" s="22"/>
      <c r="G21" s="21" t="s">
        <v>38</v>
      </c>
      <c r="H21" s="20"/>
      <c r="I21" s="16">
        <v>1878</v>
      </c>
      <c r="J21" s="22">
        <v>951</v>
      </c>
      <c r="K21" s="22">
        <v>927</v>
      </c>
    </row>
    <row r="22" spans="1:11" ht="15" customHeight="1">
      <c r="A22" s="20" t="s">
        <v>39</v>
      </c>
      <c r="B22" s="20"/>
      <c r="C22" s="16">
        <v>1635</v>
      </c>
      <c r="D22" s="22">
        <v>894</v>
      </c>
      <c r="E22" s="22">
        <v>741</v>
      </c>
      <c r="F22" s="22"/>
      <c r="G22" s="21" t="s">
        <v>40</v>
      </c>
      <c r="H22" s="20"/>
      <c r="I22" s="16">
        <v>1918</v>
      </c>
      <c r="J22" s="22">
        <v>990</v>
      </c>
      <c r="K22" s="22">
        <v>928</v>
      </c>
    </row>
    <row r="23" spans="1:11" ht="20.100000000000001" customHeight="1">
      <c r="A23" s="20" t="s">
        <v>41</v>
      </c>
      <c r="B23" s="20"/>
      <c r="C23" s="16">
        <v>8525</v>
      </c>
      <c r="D23" s="17">
        <v>4332</v>
      </c>
      <c r="E23" s="17">
        <v>4193</v>
      </c>
      <c r="F23" s="17"/>
      <c r="G23" s="21" t="s">
        <v>42</v>
      </c>
      <c r="H23" s="20"/>
      <c r="I23" s="16">
        <v>8890</v>
      </c>
      <c r="J23" s="17">
        <v>4283</v>
      </c>
      <c r="K23" s="17">
        <v>4607</v>
      </c>
    </row>
    <row r="24" spans="1:11" ht="15" customHeight="1">
      <c r="A24" s="20" t="s">
        <v>43</v>
      </c>
      <c r="B24" s="20"/>
      <c r="C24" s="16">
        <v>1678</v>
      </c>
      <c r="D24" s="22">
        <v>892</v>
      </c>
      <c r="E24" s="22">
        <v>786</v>
      </c>
      <c r="F24" s="22"/>
      <c r="G24" s="21" t="s">
        <v>44</v>
      </c>
      <c r="H24" s="20"/>
      <c r="I24" s="16">
        <v>1708</v>
      </c>
      <c r="J24" s="22">
        <v>806</v>
      </c>
      <c r="K24" s="22">
        <v>902</v>
      </c>
    </row>
    <row r="25" spans="1:11" ht="15" customHeight="1">
      <c r="A25" s="20" t="s">
        <v>45</v>
      </c>
      <c r="B25" s="20"/>
      <c r="C25" s="16">
        <v>1723</v>
      </c>
      <c r="D25" s="22">
        <v>873</v>
      </c>
      <c r="E25" s="22">
        <v>850</v>
      </c>
      <c r="F25" s="22"/>
      <c r="G25" s="21" t="s">
        <v>46</v>
      </c>
      <c r="H25" s="20"/>
      <c r="I25" s="16">
        <v>1778</v>
      </c>
      <c r="J25" s="22">
        <v>869</v>
      </c>
      <c r="K25" s="22">
        <v>909</v>
      </c>
    </row>
    <row r="26" spans="1:11" ht="15" customHeight="1">
      <c r="A26" s="20" t="s">
        <v>47</v>
      </c>
      <c r="B26" s="20"/>
      <c r="C26" s="16">
        <v>1628</v>
      </c>
      <c r="D26" s="22">
        <v>844</v>
      </c>
      <c r="E26" s="22">
        <v>784</v>
      </c>
      <c r="F26" s="22"/>
      <c r="G26" s="21" t="s">
        <v>48</v>
      </c>
      <c r="H26" s="20"/>
      <c r="I26" s="16">
        <v>1762</v>
      </c>
      <c r="J26" s="22">
        <v>873</v>
      </c>
      <c r="K26" s="22">
        <v>889</v>
      </c>
    </row>
    <row r="27" spans="1:11" ht="15" customHeight="1">
      <c r="A27" s="20" t="s">
        <v>49</v>
      </c>
      <c r="B27" s="20"/>
      <c r="C27" s="16">
        <v>1729</v>
      </c>
      <c r="D27" s="22">
        <v>825</v>
      </c>
      <c r="E27" s="22">
        <v>904</v>
      </c>
      <c r="F27" s="22"/>
      <c r="G27" s="21" t="s">
        <v>50</v>
      </c>
      <c r="H27" s="20"/>
      <c r="I27" s="16">
        <v>1806</v>
      </c>
      <c r="J27" s="22">
        <v>891</v>
      </c>
      <c r="K27" s="22">
        <v>915</v>
      </c>
    </row>
    <row r="28" spans="1:11" ht="15" customHeight="1">
      <c r="A28" s="20" t="s">
        <v>51</v>
      </c>
      <c r="B28" s="20"/>
      <c r="C28" s="16">
        <v>1767</v>
      </c>
      <c r="D28" s="22">
        <v>898</v>
      </c>
      <c r="E28" s="22">
        <v>869</v>
      </c>
      <c r="F28" s="22"/>
      <c r="G28" s="21" t="s">
        <v>52</v>
      </c>
      <c r="H28" s="20"/>
      <c r="I28" s="16">
        <v>1836</v>
      </c>
      <c r="J28" s="22">
        <v>844</v>
      </c>
      <c r="K28" s="22">
        <v>992</v>
      </c>
    </row>
    <row r="29" spans="1:11" ht="20.100000000000001" customHeight="1">
      <c r="A29" s="20" t="s">
        <v>53</v>
      </c>
      <c r="B29" s="20"/>
      <c r="C29" s="16">
        <v>9908</v>
      </c>
      <c r="D29" s="17">
        <v>4899</v>
      </c>
      <c r="E29" s="17">
        <v>5009</v>
      </c>
      <c r="F29" s="17"/>
      <c r="G29" s="21" t="s">
        <v>54</v>
      </c>
      <c r="H29" s="20"/>
      <c r="I29" s="16">
        <v>10828</v>
      </c>
      <c r="J29" s="17">
        <v>5090</v>
      </c>
      <c r="K29" s="17">
        <v>5738</v>
      </c>
    </row>
    <row r="30" spans="1:11" ht="15" customHeight="1">
      <c r="A30" s="20" t="s">
        <v>55</v>
      </c>
      <c r="B30" s="20"/>
      <c r="C30" s="16">
        <v>1860</v>
      </c>
      <c r="D30" s="22">
        <v>953</v>
      </c>
      <c r="E30" s="22">
        <v>907</v>
      </c>
      <c r="F30" s="22"/>
      <c r="G30" s="21" t="s">
        <v>56</v>
      </c>
      <c r="H30" s="20"/>
      <c r="I30" s="16">
        <v>1902</v>
      </c>
      <c r="J30" s="22">
        <v>892</v>
      </c>
      <c r="K30" s="22">
        <v>1010</v>
      </c>
    </row>
    <row r="31" spans="1:11" ht="15" customHeight="1">
      <c r="A31" s="20" t="s">
        <v>57</v>
      </c>
      <c r="B31" s="20"/>
      <c r="C31" s="16">
        <v>1967</v>
      </c>
      <c r="D31" s="22">
        <v>994</v>
      </c>
      <c r="E31" s="22">
        <v>973</v>
      </c>
      <c r="F31" s="22"/>
      <c r="G31" s="21" t="s">
        <v>58</v>
      </c>
      <c r="H31" s="20"/>
      <c r="I31" s="16">
        <v>1972</v>
      </c>
      <c r="J31" s="22">
        <v>978</v>
      </c>
      <c r="K31" s="22">
        <v>994</v>
      </c>
    </row>
    <row r="32" spans="1:11" ht="15" customHeight="1">
      <c r="A32" s="20" t="s">
        <v>59</v>
      </c>
      <c r="B32" s="20"/>
      <c r="C32" s="16">
        <v>2007</v>
      </c>
      <c r="D32" s="22">
        <v>1001</v>
      </c>
      <c r="E32" s="22">
        <v>1006</v>
      </c>
      <c r="F32" s="22"/>
      <c r="G32" s="21" t="s">
        <v>60</v>
      </c>
      <c r="H32" s="20"/>
      <c r="I32" s="16">
        <v>2142</v>
      </c>
      <c r="J32" s="22">
        <v>1017</v>
      </c>
      <c r="K32" s="22">
        <v>1125</v>
      </c>
    </row>
    <row r="33" spans="1:11" ht="15" customHeight="1">
      <c r="A33" s="20" t="s">
        <v>61</v>
      </c>
      <c r="B33" s="20"/>
      <c r="C33" s="16">
        <v>2047</v>
      </c>
      <c r="D33" s="22">
        <v>962</v>
      </c>
      <c r="E33" s="22">
        <v>1085</v>
      </c>
      <c r="F33" s="22"/>
      <c r="G33" s="21" t="s">
        <v>62</v>
      </c>
      <c r="H33" s="20"/>
      <c r="I33" s="16">
        <v>2417</v>
      </c>
      <c r="J33" s="22">
        <v>1107</v>
      </c>
      <c r="K33" s="22">
        <v>1310</v>
      </c>
    </row>
    <row r="34" spans="1:11" ht="15" customHeight="1">
      <c r="A34" s="20" t="s">
        <v>63</v>
      </c>
      <c r="B34" s="20"/>
      <c r="C34" s="16">
        <v>2027</v>
      </c>
      <c r="D34" s="22">
        <v>989</v>
      </c>
      <c r="E34" s="22">
        <v>1038</v>
      </c>
      <c r="F34" s="22"/>
      <c r="G34" s="21" t="s">
        <v>64</v>
      </c>
      <c r="H34" s="20"/>
      <c r="I34" s="16">
        <v>2395</v>
      </c>
      <c r="J34" s="22">
        <v>1096</v>
      </c>
      <c r="K34" s="22">
        <v>1299</v>
      </c>
    </row>
    <row r="35" spans="1:11" ht="20.100000000000001" customHeight="1">
      <c r="A35" s="20" t="s">
        <v>65</v>
      </c>
      <c r="B35" s="20"/>
      <c r="C35" s="16">
        <v>9419</v>
      </c>
      <c r="D35" s="17">
        <v>4648</v>
      </c>
      <c r="E35" s="17">
        <v>4771</v>
      </c>
      <c r="F35" s="17"/>
      <c r="G35" s="21" t="s">
        <v>66</v>
      </c>
      <c r="H35" s="20"/>
      <c r="I35" s="16">
        <v>9310</v>
      </c>
      <c r="J35" s="17">
        <v>4140</v>
      </c>
      <c r="K35" s="17">
        <v>5170</v>
      </c>
    </row>
    <row r="36" spans="1:11" ht="15" customHeight="1">
      <c r="A36" s="20" t="s">
        <v>67</v>
      </c>
      <c r="B36" s="20"/>
      <c r="C36" s="16">
        <v>1884</v>
      </c>
      <c r="D36" s="22">
        <v>914</v>
      </c>
      <c r="E36" s="22">
        <v>970</v>
      </c>
      <c r="F36" s="22"/>
      <c r="G36" s="21" t="s">
        <v>68</v>
      </c>
      <c r="H36" s="20"/>
      <c r="I36" s="16">
        <v>2350</v>
      </c>
      <c r="J36" s="22">
        <v>1053</v>
      </c>
      <c r="K36" s="22">
        <v>1297</v>
      </c>
    </row>
    <row r="37" spans="1:11" ht="15" customHeight="1">
      <c r="A37" s="20" t="s">
        <v>69</v>
      </c>
      <c r="B37" s="20"/>
      <c r="C37" s="16">
        <v>1922</v>
      </c>
      <c r="D37" s="22">
        <v>941</v>
      </c>
      <c r="E37" s="22">
        <v>981</v>
      </c>
      <c r="F37" s="22"/>
      <c r="G37" s="21" t="s">
        <v>70</v>
      </c>
      <c r="H37" s="20"/>
      <c r="I37" s="16">
        <v>1689</v>
      </c>
      <c r="J37" s="22">
        <v>779</v>
      </c>
      <c r="K37" s="22">
        <v>910</v>
      </c>
    </row>
    <row r="38" spans="1:11" ht="15" customHeight="1">
      <c r="A38" s="20" t="s">
        <v>71</v>
      </c>
      <c r="B38" s="20"/>
      <c r="C38" s="16">
        <v>1796</v>
      </c>
      <c r="D38" s="22">
        <v>914</v>
      </c>
      <c r="E38" s="22">
        <v>882</v>
      </c>
      <c r="F38" s="22"/>
      <c r="G38" s="21" t="s">
        <v>72</v>
      </c>
      <c r="H38" s="20"/>
      <c r="I38" s="16">
        <v>1553</v>
      </c>
      <c r="J38" s="22">
        <v>693</v>
      </c>
      <c r="K38" s="22">
        <v>860</v>
      </c>
    </row>
    <row r="39" spans="1:11" ht="15" customHeight="1">
      <c r="A39" s="20" t="s">
        <v>73</v>
      </c>
      <c r="B39" s="20"/>
      <c r="C39" s="16">
        <v>1937</v>
      </c>
      <c r="D39" s="22">
        <v>928</v>
      </c>
      <c r="E39" s="22">
        <v>1009</v>
      </c>
      <c r="F39" s="22"/>
      <c r="G39" s="21" t="s">
        <v>74</v>
      </c>
      <c r="H39" s="20"/>
      <c r="I39" s="16">
        <v>1772</v>
      </c>
      <c r="J39" s="22">
        <v>761</v>
      </c>
      <c r="K39" s="22">
        <v>1011</v>
      </c>
    </row>
    <row r="40" spans="1:11" ht="15" customHeight="1">
      <c r="A40" s="20" t="s">
        <v>75</v>
      </c>
      <c r="B40" s="20"/>
      <c r="C40" s="16">
        <v>1880</v>
      </c>
      <c r="D40" s="22">
        <v>951</v>
      </c>
      <c r="E40" s="22">
        <v>929</v>
      </c>
      <c r="F40" s="22"/>
      <c r="G40" s="21" t="s">
        <v>76</v>
      </c>
      <c r="H40" s="20"/>
      <c r="I40" s="16">
        <v>1946</v>
      </c>
      <c r="J40" s="22">
        <v>854</v>
      </c>
      <c r="K40" s="22">
        <v>1092</v>
      </c>
    </row>
    <row r="41" spans="1:11" ht="20.100000000000001" customHeight="1">
      <c r="A41" s="20" t="s">
        <v>77</v>
      </c>
      <c r="B41" s="20"/>
      <c r="C41" s="16">
        <v>9381</v>
      </c>
      <c r="D41" s="17">
        <v>4786</v>
      </c>
      <c r="E41" s="17">
        <v>4595</v>
      </c>
      <c r="F41" s="17"/>
      <c r="G41" s="21" t="s">
        <v>78</v>
      </c>
      <c r="H41" s="20"/>
      <c r="I41" s="16">
        <v>7677</v>
      </c>
      <c r="J41" s="17">
        <v>3311</v>
      </c>
      <c r="K41" s="17">
        <v>4366</v>
      </c>
    </row>
    <row r="42" spans="1:11" ht="15" customHeight="1">
      <c r="A42" s="20" t="s">
        <v>79</v>
      </c>
      <c r="B42" s="20"/>
      <c r="C42" s="16">
        <v>1784</v>
      </c>
      <c r="D42" s="22">
        <v>885</v>
      </c>
      <c r="E42" s="22">
        <v>899</v>
      </c>
      <c r="F42" s="22"/>
      <c r="G42" s="21" t="s">
        <v>80</v>
      </c>
      <c r="H42" s="20"/>
      <c r="I42" s="16">
        <v>1822</v>
      </c>
      <c r="J42" s="22">
        <v>794</v>
      </c>
      <c r="K42" s="22">
        <v>1028</v>
      </c>
    </row>
    <row r="43" spans="1:11" ht="15" customHeight="1">
      <c r="A43" s="20" t="s">
        <v>81</v>
      </c>
      <c r="B43" s="20"/>
      <c r="C43" s="16">
        <v>1864</v>
      </c>
      <c r="D43" s="22">
        <v>957</v>
      </c>
      <c r="E43" s="22">
        <v>907</v>
      </c>
      <c r="F43" s="22"/>
      <c r="G43" s="21" t="s">
        <v>82</v>
      </c>
      <c r="H43" s="20"/>
      <c r="I43" s="16">
        <v>1754</v>
      </c>
      <c r="J43" s="22">
        <v>759</v>
      </c>
      <c r="K43" s="22">
        <v>995</v>
      </c>
    </row>
    <row r="44" spans="1:11" ht="15" customHeight="1">
      <c r="A44" s="20" t="s">
        <v>83</v>
      </c>
      <c r="B44" s="20"/>
      <c r="C44" s="16">
        <v>1891</v>
      </c>
      <c r="D44" s="22">
        <v>942</v>
      </c>
      <c r="E44" s="22">
        <v>949</v>
      </c>
      <c r="F44" s="22"/>
      <c r="G44" s="21" t="s">
        <v>84</v>
      </c>
      <c r="H44" s="20"/>
      <c r="I44" s="16">
        <v>1515</v>
      </c>
      <c r="J44" s="22">
        <v>658</v>
      </c>
      <c r="K44" s="22">
        <v>857</v>
      </c>
    </row>
    <row r="45" spans="1:11" ht="15" customHeight="1">
      <c r="A45" s="20" t="s">
        <v>85</v>
      </c>
      <c r="B45" s="20"/>
      <c r="C45" s="16">
        <v>1848</v>
      </c>
      <c r="D45" s="22">
        <v>962</v>
      </c>
      <c r="E45" s="22">
        <v>886</v>
      </c>
      <c r="F45" s="22"/>
      <c r="G45" s="21" t="s">
        <v>86</v>
      </c>
      <c r="H45" s="20"/>
      <c r="I45" s="16">
        <v>1336</v>
      </c>
      <c r="J45" s="22">
        <v>588</v>
      </c>
      <c r="K45" s="22">
        <v>748</v>
      </c>
    </row>
    <row r="46" spans="1:11" ht="15" customHeight="1">
      <c r="A46" s="20" t="s">
        <v>87</v>
      </c>
      <c r="B46" s="20"/>
      <c r="C46" s="16">
        <v>1994</v>
      </c>
      <c r="D46" s="22">
        <v>1040</v>
      </c>
      <c r="E46" s="22">
        <v>954</v>
      </c>
      <c r="F46" s="22"/>
      <c r="G46" s="21" t="s">
        <v>88</v>
      </c>
      <c r="H46" s="20"/>
      <c r="I46" s="16">
        <v>1250</v>
      </c>
      <c r="J46" s="22">
        <v>512</v>
      </c>
      <c r="K46" s="22">
        <v>738</v>
      </c>
    </row>
    <row r="47" spans="1:11" ht="20.100000000000001" customHeight="1">
      <c r="A47" s="20" t="s">
        <v>89</v>
      </c>
      <c r="B47" s="20"/>
      <c r="C47" s="16">
        <v>10472</v>
      </c>
      <c r="D47" s="17">
        <v>5225</v>
      </c>
      <c r="E47" s="17">
        <v>5247</v>
      </c>
      <c r="F47" s="17"/>
      <c r="G47" s="21" t="s">
        <v>90</v>
      </c>
      <c r="H47" s="20"/>
      <c r="I47" s="16">
        <v>5348</v>
      </c>
      <c r="J47" s="17">
        <v>2062</v>
      </c>
      <c r="K47" s="17">
        <v>3286</v>
      </c>
    </row>
    <row r="48" spans="1:11" ht="15" customHeight="1">
      <c r="A48" s="20" t="s">
        <v>91</v>
      </c>
      <c r="B48" s="20"/>
      <c r="C48" s="16">
        <v>1944</v>
      </c>
      <c r="D48" s="22">
        <v>1002</v>
      </c>
      <c r="E48" s="22">
        <v>942</v>
      </c>
      <c r="F48" s="22"/>
      <c r="G48" s="21" t="s">
        <v>92</v>
      </c>
      <c r="H48" s="20"/>
      <c r="I48" s="16">
        <v>1286</v>
      </c>
      <c r="J48" s="22">
        <v>546</v>
      </c>
      <c r="K48" s="22">
        <v>740</v>
      </c>
    </row>
    <row r="49" spans="1:11" ht="15" customHeight="1">
      <c r="A49" s="20" t="s">
        <v>93</v>
      </c>
      <c r="B49" s="20"/>
      <c r="C49" s="16">
        <v>2015</v>
      </c>
      <c r="D49" s="22">
        <v>988</v>
      </c>
      <c r="E49" s="22">
        <v>1027</v>
      </c>
      <c r="F49" s="22"/>
      <c r="G49" s="21" t="s">
        <v>94</v>
      </c>
      <c r="H49" s="20"/>
      <c r="I49" s="16">
        <v>1178</v>
      </c>
      <c r="J49" s="22">
        <v>479</v>
      </c>
      <c r="K49" s="22">
        <v>699</v>
      </c>
    </row>
    <row r="50" spans="1:11" ht="15" customHeight="1">
      <c r="A50" s="20" t="s">
        <v>95</v>
      </c>
      <c r="B50" s="20"/>
      <c r="C50" s="16">
        <v>2100</v>
      </c>
      <c r="D50" s="22">
        <v>1019</v>
      </c>
      <c r="E50" s="22">
        <v>1081</v>
      </c>
      <c r="F50" s="22"/>
      <c r="G50" s="21" t="s">
        <v>96</v>
      </c>
      <c r="H50" s="20"/>
      <c r="I50" s="16">
        <v>1103</v>
      </c>
      <c r="J50" s="22">
        <v>404</v>
      </c>
      <c r="K50" s="22">
        <v>699</v>
      </c>
    </row>
    <row r="51" spans="1:11" ht="15" customHeight="1">
      <c r="A51" s="20" t="s">
        <v>97</v>
      </c>
      <c r="B51" s="20"/>
      <c r="C51" s="16">
        <v>2227</v>
      </c>
      <c r="D51" s="22">
        <v>1131</v>
      </c>
      <c r="E51" s="22">
        <v>1096</v>
      </c>
      <c r="F51" s="22"/>
      <c r="G51" s="21" t="s">
        <v>98</v>
      </c>
      <c r="H51" s="20"/>
      <c r="I51" s="16">
        <v>950</v>
      </c>
      <c r="J51" s="22">
        <v>323</v>
      </c>
      <c r="K51" s="22">
        <v>627</v>
      </c>
    </row>
    <row r="52" spans="1:11" ht="15" customHeight="1">
      <c r="A52" s="20" t="s">
        <v>99</v>
      </c>
      <c r="B52" s="20"/>
      <c r="C52" s="16">
        <v>2186</v>
      </c>
      <c r="D52" s="22">
        <v>1085</v>
      </c>
      <c r="E52" s="22">
        <v>1101</v>
      </c>
      <c r="F52" s="22"/>
      <c r="G52" s="21" t="s">
        <v>100</v>
      </c>
      <c r="H52" s="20"/>
      <c r="I52" s="16">
        <v>831</v>
      </c>
      <c r="J52" s="22">
        <v>310</v>
      </c>
      <c r="K52" s="22">
        <v>521</v>
      </c>
    </row>
    <row r="53" spans="1:11" ht="20.100000000000001" customHeight="1">
      <c r="A53" s="20" t="s">
        <v>101</v>
      </c>
      <c r="B53" s="20"/>
      <c r="C53" s="16">
        <v>11646</v>
      </c>
      <c r="D53" s="17">
        <v>6053</v>
      </c>
      <c r="E53" s="17">
        <v>5593</v>
      </c>
      <c r="F53" s="17"/>
      <c r="G53" s="21" t="s">
        <v>102</v>
      </c>
      <c r="H53" s="20"/>
      <c r="I53" s="16">
        <v>2465</v>
      </c>
      <c r="J53" s="17">
        <v>746</v>
      </c>
      <c r="K53" s="17">
        <v>1719</v>
      </c>
    </row>
    <row r="54" spans="1:11" ht="15" customHeight="1">
      <c r="A54" s="20" t="s">
        <v>103</v>
      </c>
      <c r="B54" s="20"/>
      <c r="C54" s="16">
        <v>2243</v>
      </c>
      <c r="D54" s="22">
        <v>1163</v>
      </c>
      <c r="E54" s="22">
        <v>1080</v>
      </c>
      <c r="F54" s="22"/>
      <c r="G54" s="21" t="s">
        <v>104</v>
      </c>
      <c r="H54" s="20"/>
      <c r="I54" s="16">
        <v>716</v>
      </c>
      <c r="J54" s="22">
        <v>249</v>
      </c>
      <c r="K54" s="22">
        <v>467</v>
      </c>
    </row>
    <row r="55" spans="1:11" ht="15" customHeight="1">
      <c r="A55" s="20" t="s">
        <v>105</v>
      </c>
      <c r="B55" s="20"/>
      <c r="C55" s="16">
        <v>2225</v>
      </c>
      <c r="D55" s="22">
        <v>1161</v>
      </c>
      <c r="E55" s="22">
        <v>1064</v>
      </c>
      <c r="F55" s="22"/>
      <c r="G55" s="21" t="s">
        <v>106</v>
      </c>
      <c r="H55" s="20"/>
      <c r="I55" s="16">
        <v>592</v>
      </c>
      <c r="J55" s="22">
        <v>172</v>
      </c>
      <c r="K55" s="22">
        <v>420</v>
      </c>
    </row>
    <row r="56" spans="1:11" ht="15" customHeight="1">
      <c r="A56" s="20" t="s">
        <v>107</v>
      </c>
      <c r="B56" s="20"/>
      <c r="C56" s="16">
        <v>2316</v>
      </c>
      <c r="D56" s="22">
        <v>1155</v>
      </c>
      <c r="E56" s="22">
        <v>1161</v>
      </c>
      <c r="F56" s="22"/>
      <c r="G56" s="21" t="s">
        <v>108</v>
      </c>
      <c r="H56" s="20"/>
      <c r="I56" s="16">
        <v>459</v>
      </c>
      <c r="J56" s="22">
        <v>143</v>
      </c>
      <c r="K56" s="22">
        <v>316</v>
      </c>
    </row>
    <row r="57" spans="1:11" ht="15" customHeight="1">
      <c r="A57" s="20" t="s">
        <v>109</v>
      </c>
      <c r="B57" s="20"/>
      <c r="C57" s="16">
        <v>2382</v>
      </c>
      <c r="D57" s="22">
        <v>1258</v>
      </c>
      <c r="E57" s="22">
        <v>1124</v>
      </c>
      <c r="F57" s="22"/>
      <c r="G57" s="21" t="s">
        <v>110</v>
      </c>
      <c r="H57" s="20"/>
      <c r="I57" s="16">
        <v>379</v>
      </c>
      <c r="J57" s="22">
        <v>105</v>
      </c>
      <c r="K57" s="22">
        <v>274</v>
      </c>
    </row>
    <row r="58" spans="1:11" ht="15" customHeight="1">
      <c r="A58" s="20" t="s">
        <v>111</v>
      </c>
      <c r="B58" s="20"/>
      <c r="C58" s="16">
        <v>2480</v>
      </c>
      <c r="D58" s="22">
        <v>1316</v>
      </c>
      <c r="E58" s="22">
        <v>1164</v>
      </c>
      <c r="F58" s="22"/>
      <c r="G58" s="21" t="s">
        <v>112</v>
      </c>
      <c r="H58" s="20"/>
      <c r="I58" s="16">
        <v>319</v>
      </c>
      <c r="J58" s="22">
        <v>77</v>
      </c>
      <c r="K58" s="22">
        <v>242</v>
      </c>
    </row>
    <row r="59" spans="1:11" ht="20.100000000000001" customHeight="1">
      <c r="A59" s="20" t="s">
        <v>113</v>
      </c>
      <c r="B59" s="20"/>
      <c r="C59" s="16">
        <v>14106</v>
      </c>
      <c r="D59" s="17">
        <v>7031</v>
      </c>
      <c r="E59" s="17">
        <v>7075</v>
      </c>
      <c r="F59" s="17"/>
      <c r="G59" s="21" t="s">
        <v>114</v>
      </c>
      <c r="H59" s="20"/>
      <c r="I59" s="16">
        <v>667</v>
      </c>
      <c r="J59" s="17">
        <v>114</v>
      </c>
      <c r="K59" s="17">
        <v>553</v>
      </c>
    </row>
    <row r="60" spans="1:11" ht="15" customHeight="1">
      <c r="A60" s="20" t="s">
        <v>115</v>
      </c>
      <c r="B60" s="20"/>
      <c r="C60" s="16">
        <v>2591</v>
      </c>
      <c r="D60" s="22">
        <v>1300</v>
      </c>
      <c r="E60" s="22">
        <v>1291</v>
      </c>
      <c r="F60" s="22"/>
      <c r="G60" s="21" t="s">
        <v>116</v>
      </c>
      <c r="H60" s="20"/>
      <c r="I60" s="16">
        <v>221</v>
      </c>
      <c r="J60" s="22">
        <v>43</v>
      </c>
      <c r="K60" s="22">
        <v>178</v>
      </c>
    </row>
    <row r="61" spans="1:11" ht="15" customHeight="1">
      <c r="A61" s="20" t="s">
        <v>117</v>
      </c>
      <c r="B61" s="20"/>
      <c r="C61" s="16">
        <v>2658</v>
      </c>
      <c r="D61" s="22">
        <v>1298</v>
      </c>
      <c r="E61" s="22">
        <v>1360</v>
      </c>
      <c r="F61" s="22"/>
      <c r="G61" s="21" t="s">
        <v>118</v>
      </c>
      <c r="H61" s="20"/>
      <c r="I61" s="16">
        <v>163</v>
      </c>
      <c r="J61" s="22">
        <v>29</v>
      </c>
      <c r="K61" s="22">
        <v>134</v>
      </c>
    </row>
    <row r="62" spans="1:11" ht="15" customHeight="1">
      <c r="A62" s="20" t="s">
        <v>119</v>
      </c>
      <c r="B62" s="20"/>
      <c r="C62" s="16">
        <v>2721</v>
      </c>
      <c r="D62" s="22">
        <v>1406</v>
      </c>
      <c r="E62" s="22">
        <v>1315</v>
      </c>
      <c r="F62" s="22"/>
      <c r="G62" s="21" t="s">
        <v>120</v>
      </c>
      <c r="H62" s="20"/>
      <c r="I62" s="16">
        <v>131</v>
      </c>
      <c r="J62" s="22">
        <v>21</v>
      </c>
      <c r="K62" s="22">
        <v>110</v>
      </c>
    </row>
    <row r="63" spans="1:11" ht="15" customHeight="1">
      <c r="A63" s="20" t="s">
        <v>121</v>
      </c>
      <c r="B63" s="20"/>
      <c r="C63" s="16">
        <v>2992</v>
      </c>
      <c r="D63" s="22">
        <v>1493</v>
      </c>
      <c r="E63" s="22">
        <v>1499</v>
      </c>
      <c r="F63" s="22"/>
      <c r="G63" s="21" t="s">
        <v>122</v>
      </c>
      <c r="H63" s="20"/>
      <c r="I63" s="16">
        <v>92</v>
      </c>
      <c r="J63" s="22">
        <v>16</v>
      </c>
      <c r="K63" s="22">
        <v>76</v>
      </c>
    </row>
    <row r="64" spans="1:11" ht="15" customHeight="1">
      <c r="A64" s="20" t="s">
        <v>123</v>
      </c>
      <c r="B64" s="20"/>
      <c r="C64" s="16">
        <v>3144</v>
      </c>
      <c r="D64" s="22">
        <v>1534</v>
      </c>
      <c r="E64" s="22">
        <v>1610</v>
      </c>
      <c r="F64" s="22"/>
      <c r="G64" s="21" t="s">
        <v>124</v>
      </c>
      <c r="H64" s="20"/>
      <c r="I64" s="16">
        <v>60</v>
      </c>
      <c r="J64" s="22">
        <v>5</v>
      </c>
      <c r="K64" s="22">
        <v>55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42</v>
      </c>
      <c r="J65" s="22">
        <v>10</v>
      </c>
      <c r="K65" s="22">
        <v>132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3260</v>
      </c>
      <c r="J66" s="32">
        <v>2044</v>
      </c>
      <c r="K66" s="32">
        <v>1216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73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21616</v>
      </c>
      <c r="D4" s="17">
        <v>58722</v>
      </c>
      <c r="E4" s="17">
        <v>62894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3888</v>
      </c>
      <c r="D5" s="17">
        <v>2067</v>
      </c>
      <c r="E5" s="17">
        <v>1821</v>
      </c>
      <c r="F5" s="17"/>
      <c r="G5" s="21" t="s">
        <v>6</v>
      </c>
      <c r="H5" s="20"/>
      <c r="I5" s="16">
        <v>10338</v>
      </c>
      <c r="J5" s="17">
        <v>5287</v>
      </c>
      <c r="K5" s="17">
        <v>5051</v>
      </c>
    </row>
    <row r="6" spans="1:11" ht="15" customHeight="1">
      <c r="A6" s="20" t="s">
        <v>7</v>
      </c>
      <c r="B6" s="20"/>
      <c r="C6" s="16">
        <v>728</v>
      </c>
      <c r="D6" s="22">
        <v>375</v>
      </c>
      <c r="E6" s="22">
        <v>353</v>
      </c>
      <c r="F6" s="22"/>
      <c r="G6" s="21" t="s">
        <v>8</v>
      </c>
      <c r="H6" s="20"/>
      <c r="I6" s="16">
        <v>2167</v>
      </c>
      <c r="J6" s="22">
        <v>1116</v>
      </c>
      <c r="K6" s="22">
        <v>1051</v>
      </c>
    </row>
    <row r="7" spans="1:11" ht="15" customHeight="1">
      <c r="A7" s="20" t="s">
        <v>9</v>
      </c>
      <c r="B7" s="20"/>
      <c r="C7" s="16">
        <v>750</v>
      </c>
      <c r="D7" s="22">
        <v>405</v>
      </c>
      <c r="E7" s="22">
        <v>345</v>
      </c>
      <c r="F7" s="22"/>
      <c r="G7" s="21" t="s">
        <v>10</v>
      </c>
      <c r="H7" s="20"/>
      <c r="I7" s="16">
        <v>2102</v>
      </c>
      <c r="J7" s="22">
        <v>1046</v>
      </c>
      <c r="K7" s="22">
        <v>1056</v>
      </c>
    </row>
    <row r="8" spans="1:11" ht="15" customHeight="1">
      <c r="A8" s="20" t="s">
        <v>11</v>
      </c>
      <c r="B8" s="20"/>
      <c r="C8" s="16">
        <v>799</v>
      </c>
      <c r="D8" s="22">
        <v>441</v>
      </c>
      <c r="E8" s="22">
        <v>358</v>
      </c>
      <c r="F8" s="22"/>
      <c r="G8" s="21" t="s">
        <v>12</v>
      </c>
      <c r="H8" s="20"/>
      <c r="I8" s="16">
        <v>2130</v>
      </c>
      <c r="J8" s="22">
        <v>1085</v>
      </c>
      <c r="K8" s="22">
        <v>1045</v>
      </c>
    </row>
    <row r="9" spans="1:11" ht="15" customHeight="1">
      <c r="A9" s="20" t="s">
        <v>13</v>
      </c>
      <c r="B9" s="20"/>
      <c r="C9" s="16">
        <v>790</v>
      </c>
      <c r="D9" s="22">
        <v>407</v>
      </c>
      <c r="E9" s="22">
        <v>383</v>
      </c>
      <c r="F9" s="22"/>
      <c r="G9" s="21" t="s">
        <v>14</v>
      </c>
      <c r="H9" s="20"/>
      <c r="I9" s="16">
        <v>1992</v>
      </c>
      <c r="J9" s="22">
        <v>1033</v>
      </c>
      <c r="K9" s="22">
        <v>959</v>
      </c>
    </row>
    <row r="10" spans="1:11" ht="15" customHeight="1">
      <c r="A10" s="20" t="s">
        <v>15</v>
      </c>
      <c r="B10" s="20"/>
      <c r="C10" s="16">
        <v>821</v>
      </c>
      <c r="D10" s="22">
        <v>439</v>
      </c>
      <c r="E10" s="22">
        <v>382</v>
      </c>
      <c r="F10" s="22"/>
      <c r="G10" s="21" t="s">
        <v>16</v>
      </c>
      <c r="H10" s="20"/>
      <c r="I10" s="16">
        <v>1947</v>
      </c>
      <c r="J10" s="22">
        <v>1007</v>
      </c>
      <c r="K10" s="22">
        <v>940</v>
      </c>
    </row>
    <row r="11" spans="1:11" ht="20.100000000000001" customHeight="1">
      <c r="A11" s="20" t="s">
        <v>17</v>
      </c>
      <c r="B11" s="20"/>
      <c r="C11" s="16">
        <v>4375</v>
      </c>
      <c r="D11" s="17">
        <v>2208</v>
      </c>
      <c r="E11" s="17">
        <v>2167</v>
      </c>
      <c r="F11" s="17"/>
      <c r="G11" s="21" t="s">
        <v>18</v>
      </c>
      <c r="H11" s="20"/>
      <c r="I11" s="16">
        <v>8549</v>
      </c>
      <c r="J11" s="17">
        <v>4340</v>
      </c>
      <c r="K11" s="17">
        <v>4209</v>
      </c>
    </row>
    <row r="12" spans="1:11" ht="15" customHeight="1">
      <c r="A12" s="20" t="s">
        <v>19</v>
      </c>
      <c r="B12" s="20"/>
      <c r="C12" s="16">
        <v>787</v>
      </c>
      <c r="D12" s="22">
        <v>418</v>
      </c>
      <c r="E12" s="22">
        <v>369</v>
      </c>
      <c r="F12" s="22"/>
      <c r="G12" s="21" t="s">
        <v>20</v>
      </c>
      <c r="H12" s="20"/>
      <c r="I12" s="16">
        <v>2006</v>
      </c>
      <c r="J12" s="22">
        <v>1013</v>
      </c>
      <c r="K12" s="22">
        <v>993</v>
      </c>
    </row>
    <row r="13" spans="1:11" ht="15" customHeight="1">
      <c r="A13" s="20" t="s">
        <v>21</v>
      </c>
      <c r="B13" s="20"/>
      <c r="C13" s="16">
        <v>849</v>
      </c>
      <c r="D13" s="22">
        <v>446</v>
      </c>
      <c r="E13" s="22">
        <v>403</v>
      </c>
      <c r="F13" s="22"/>
      <c r="G13" s="21" t="s">
        <v>22</v>
      </c>
      <c r="H13" s="20"/>
      <c r="I13" s="16">
        <v>1503</v>
      </c>
      <c r="J13" s="22">
        <v>766</v>
      </c>
      <c r="K13" s="22">
        <v>737</v>
      </c>
    </row>
    <row r="14" spans="1:11" ht="15" customHeight="1">
      <c r="A14" s="20" t="s">
        <v>23</v>
      </c>
      <c r="B14" s="20"/>
      <c r="C14" s="16">
        <v>931</v>
      </c>
      <c r="D14" s="22">
        <v>455</v>
      </c>
      <c r="E14" s="22">
        <v>476</v>
      </c>
      <c r="F14" s="22"/>
      <c r="G14" s="21" t="s">
        <v>24</v>
      </c>
      <c r="H14" s="20"/>
      <c r="I14" s="16">
        <v>1861</v>
      </c>
      <c r="J14" s="22">
        <v>915</v>
      </c>
      <c r="K14" s="22">
        <v>946</v>
      </c>
    </row>
    <row r="15" spans="1:11" ht="15" customHeight="1">
      <c r="A15" s="20" t="s">
        <v>25</v>
      </c>
      <c r="B15" s="20"/>
      <c r="C15" s="16">
        <v>862</v>
      </c>
      <c r="D15" s="22">
        <v>428</v>
      </c>
      <c r="E15" s="22">
        <v>434</v>
      </c>
      <c r="F15" s="22"/>
      <c r="G15" s="21" t="s">
        <v>26</v>
      </c>
      <c r="H15" s="20"/>
      <c r="I15" s="16">
        <v>1603</v>
      </c>
      <c r="J15" s="22">
        <v>814</v>
      </c>
      <c r="K15" s="22">
        <v>789</v>
      </c>
    </row>
    <row r="16" spans="1:11" ht="15" customHeight="1">
      <c r="A16" s="20" t="s">
        <v>27</v>
      </c>
      <c r="B16" s="20"/>
      <c r="C16" s="16">
        <v>946</v>
      </c>
      <c r="D16" s="22">
        <v>461</v>
      </c>
      <c r="E16" s="22">
        <v>485</v>
      </c>
      <c r="F16" s="22"/>
      <c r="G16" s="21" t="s">
        <v>28</v>
      </c>
      <c r="H16" s="20"/>
      <c r="I16" s="16">
        <v>1576</v>
      </c>
      <c r="J16" s="22">
        <v>832</v>
      </c>
      <c r="K16" s="22">
        <v>744</v>
      </c>
    </row>
    <row r="17" spans="1:11" ht="20.100000000000001" customHeight="1">
      <c r="A17" s="24" t="s">
        <v>29</v>
      </c>
      <c r="B17" s="24"/>
      <c r="C17" s="16">
        <v>5070</v>
      </c>
      <c r="D17" s="17">
        <v>2583</v>
      </c>
      <c r="E17" s="17">
        <v>2487</v>
      </c>
      <c r="F17" s="17"/>
      <c r="G17" s="21" t="s">
        <v>30</v>
      </c>
      <c r="H17" s="20"/>
      <c r="I17" s="16">
        <v>6745</v>
      </c>
      <c r="J17" s="17">
        <v>3364</v>
      </c>
      <c r="K17" s="17">
        <v>3381</v>
      </c>
    </row>
    <row r="18" spans="1:11" ht="15" customHeight="1">
      <c r="A18" s="20" t="s">
        <v>31</v>
      </c>
      <c r="B18" s="20"/>
      <c r="C18" s="16">
        <v>980</v>
      </c>
      <c r="D18" s="22">
        <v>495</v>
      </c>
      <c r="E18" s="22">
        <v>485</v>
      </c>
      <c r="F18" s="22"/>
      <c r="G18" s="21" t="s">
        <v>32</v>
      </c>
      <c r="H18" s="20"/>
      <c r="I18" s="16">
        <v>1458</v>
      </c>
      <c r="J18" s="22">
        <v>728</v>
      </c>
      <c r="K18" s="22">
        <v>730</v>
      </c>
    </row>
    <row r="19" spans="1:11" ht="15" customHeight="1">
      <c r="A19" s="20" t="s">
        <v>33</v>
      </c>
      <c r="B19" s="20"/>
      <c r="C19" s="16">
        <v>945</v>
      </c>
      <c r="D19" s="22">
        <v>497</v>
      </c>
      <c r="E19" s="22">
        <v>448</v>
      </c>
      <c r="F19" s="22"/>
      <c r="G19" s="21" t="s">
        <v>34</v>
      </c>
      <c r="H19" s="20"/>
      <c r="I19" s="16">
        <v>1386</v>
      </c>
      <c r="J19" s="22">
        <v>688</v>
      </c>
      <c r="K19" s="22">
        <v>698</v>
      </c>
    </row>
    <row r="20" spans="1:11" ht="15" customHeight="1">
      <c r="A20" s="20" t="s">
        <v>35</v>
      </c>
      <c r="B20" s="20"/>
      <c r="C20" s="16">
        <v>989</v>
      </c>
      <c r="D20" s="22">
        <v>501</v>
      </c>
      <c r="E20" s="22">
        <v>488</v>
      </c>
      <c r="F20" s="22"/>
      <c r="G20" s="21" t="s">
        <v>36</v>
      </c>
      <c r="H20" s="20"/>
      <c r="I20" s="16">
        <v>1319</v>
      </c>
      <c r="J20" s="22">
        <v>638</v>
      </c>
      <c r="K20" s="22">
        <v>681</v>
      </c>
    </row>
    <row r="21" spans="1:11" ht="15" customHeight="1">
      <c r="A21" s="20" t="s">
        <v>37</v>
      </c>
      <c r="B21" s="20"/>
      <c r="C21" s="16">
        <v>1055</v>
      </c>
      <c r="D21" s="22">
        <v>526</v>
      </c>
      <c r="E21" s="22">
        <v>529</v>
      </c>
      <c r="F21" s="22"/>
      <c r="G21" s="21" t="s">
        <v>38</v>
      </c>
      <c r="H21" s="20"/>
      <c r="I21" s="16">
        <v>1244</v>
      </c>
      <c r="J21" s="22">
        <v>644</v>
      </c>
      <c r="K21" s="22">
        <v>600</v>
      </c>
    </row>
    <row r="22" spans="1:11" ht="15" customHeight="1">
      <c r="A22" s="20" t="s">
        <v>39</v>
      </c>
      <c r="B22" s="20"/>
      <c r="C22" s="16">
        <v>1101</v>
      </c>
      <c r="D22" s="22">
        <v>564</v>
      </c>
      <c r="E22" s="22">
        <v>537</v>
      </c>
      <c r="F22" s="22"/>
      <c r="G22" s="21" t="s">
        <v>40</v>
      </c>
      <c r="H22" s="20"/>
      <c r="I22" s="16">
        <v>1338</v>
      </c>
      <c r="J22" s="22">
        <v>666</v>
      </c>
      <c r="K22" s="22">
        <v>672</v>
      </c>
    </row>
    <row r="23" spans="1:11" ht="20.100000000000001" customHeight="1">
      <c r="A23" s="20" t="s">
        <v>41</v>
      </c>
      <c r="B23" s="20"/>
      <c r="C23" s="16">
        <v>5909</v>
      </c>
      <c r="D23" s="17">
        <v>3035</v>
      </c>
      <c r="E23" s="17">
        <v>2874</v>
      </c>
      <c r="F23" s="17"/>
      <c r="G23" s="21" t="s">
        <v>42</v>
      </c>
      <c r="H23" s="20"/>
      <c r="I23" s="16">
        <v>6159</v>
      </c>
      <c r="J23" s="17">
        <v>2987</v>
      </c>
      <c r="K23" s="17">
        <v>3172</v>
      </c>
    </row>
    <row r="24" spans="1:11" ht="15" customHeight="1">
      <c r="A24" s="20" t="s">
        <v>43</v>
      </c>
      <c r="B24" s="20"/>
      <c r="C24" s="16">
        <v>1120</v>
      </c>
      <c r="D24" s="22">
        <v>601</v>
      </c>
      <c r="E24" s="22">
        <v>519</v>
      </c>
      <c r="F24" s="22"/>
      <c r="G24" s="21" t="s">
        <v>44</v>
      </c>
      <c r="H24" s="20"/>
      <c r="I24" s="16">
        <v>1170</v>
      </c>
      <c r="J24" s="22">
        <v>585</v>
      </c>
      <c r="K24" s="22">
        <v>585</v>
      </c>
    </row>
    <row r="25" spans="1:11" ht="15" customHeight="1">
      <c r="A25" s="20" t="s">
        <v>45</v>
      </c>
      <c r="B25" s="20"/>
      <c r="C25" s="16">
        <v>1156</v>
      </c>
      <c r="D25" s="22">
        <v>575</v>
      </c>
      <c r="E25" s="22">
        <v>581</v>
      </c>
      <c r="F25" s="22"/>
      <c r="G25" s="21" t="s">
        <v>46</v>
      </c>
      <c r="H25" s="20"/>
      <c r="I25" s="16">
        <v>1178</v>
      </c>
      <c r="J25" s="22">
        <v>566</v>
      </c>
      <c r="K25" s="22">
        <v>612</v>
      </c>
    </row>
    <row r="26" spans="1:11" ht="15" customHeight="1">
      <c r="A26" s="20" t="s">
        <v>47</v>
      </c>
      <c r="B26" s="20"/>
      <c r="C26" s="16">
        <v>1166</v>
      </c>
      <c r="D26" s="22">
        <v>611</v>
      </c>
      <c r="E26" s="22">
        <v>555</v>
      </c>
      <c r="F26" s="22"/>
      <c r="G26" s="21" t="s">
        <v>48</v>
      </c>
      <c r="H26" s="20"/>
      <c r="I26" s="16">
        <v>1239</v>
      </c>
      <c r="J26" s="22">
        <v>598</v>
      </c>
      <c r="K26" s="22">
        <v>641</v>
      </c>
    </row>
    <row r="27" spans="1:11" ht="15" customHeight="1">
      <c r="A27" s="20" t="s">
        <v>49</v>
      </c>
      <c r="B27" s="20"/>
      <c r="C27" s="16">
        <v>1187</v>
      </c>
      <c r="D27" s="22">
        <v>608</v>
      </c>
      <c r="E27" s="22">
        <v>579</v>
      </c>
      <c r="F27" s="22"/>
      <c r="G27" s="21" t="s">
        <v>50</v>
      </c>
      <c r="H27" s="20"/>
      <c r="I27" s="16">
        <v>1327</v>
      </c>
      <c r="J27" s="22">
        <v>631</v>
      </c>
      <c r="K27" s="22">
        <v>696</v>
      </c>
    </row>
    <row r="28" spans="1:11" ht="15" customHeight="1">
      <c r="A28" s="20" t="s">
        <v>51</v>
      </c>
      <c r="B28" s="20"/>
      <c r="C28" s="16">
        <v>1280</v>
      </c>
      <c r="D28" s="22">
        <v>640</v>
      </c>
      <c r="E28" s="22">
        <v>640</v>
      </c>
      <c r="F28" s="22"/>
      <c r="G28" s="21" t="s">
        <v>52</v>
      </c>
      <c r="H28" s="20"/>
      <c r="I28" s="16">
        <v>1245</v>
      </c>
      <c r="J28" s="22">
        <v>607</v>
      </c>
      <c r="K28" s="22">
        <v>638</v>
      </c>
    </row>
    <row r="29" spans="1:11" ht="20.100000000000001" customHeight="1">
      <c r="A29" s="20" t="s">
        <v>53</v>
      </c>
      <c r="B29" s="20"/>
      <c r="C29" s="16">
        <v>6196</v>
      </c>
      <c r="D29" s="17">
        <v>3089</v>
      </c>
      <c r="E29" s="17">
        <v>3107</v>
      </c>
      <c r="F29" s="17"/>
      <c r="G29" s="21" t="s">
        <v>54</v>
      </c>
      <c r="H29" s="20"/>
      <c r="I29" s="16">
        <v>8121</v>
      </c>
      <c r="J29" s="17">
        <v>3683</v>
      </c>
      <c r="K29" s="17">
        <v>4438</v>
      </c>
    </row>
    <row r="30" spans="1:11" ht="15" customHeight="1">
      <c r="A30" s="20" t="s">
        <v>55</v>
      </c>
      <c r="B30" s="20"/>
      <c r="C30" s="16">
        <v>1241</v>
      </c>
      <c r="D30" s="22">
        <v>611</v>
      </c>
      <c r="E30" s="22">
        <v>630</v>
      </c>
      <c r="F30" s="22"/>
      <c r="G30" s="21" t="s">
        <v>56</v>
      </c>
      <c r="H30" s="20"/>
      <c r="I30" s="16">
        <v>1426</v>
      </c>
      <c r="J30" s="22">
        <v>666</v>
      </c>
      <c r="K30" s="22">
        <v>760</v>
      </c>
    </row>
    <row r="31" spans="1:11" ht="15" customHeight="1">
      <c r="A31" s="20" t="s">
        <v>57</v>
      </c>
      <c r="B31" s="20"/>
      <c r="C31" s="16">
        <v>1256</v>
      </c>
      <c r="D31" s="22">
        <v>619</v>
      </c>
      <c r="E31" s="22">
        <v>637</v>
      </c>
      <c r="F31" s="22"/>
      <c r="G31" s="21" t="s">
        <v>58</v>
      </c>
      <c r="H31" s="20"/>
      <c r="I31" s="16">
        <v>1432</v>
      </c>
      <c r="J31" s="22">
        <v>672</v>
      </c>
      <c r="K31" s="22">
        <v>760</v>
      </c>
    </row>
    <row r="32" spans="1:11" ht="15" customHeight="1">
      <c r="A32" s="20" t="s">
        <v>59</v>
      </c>
      <c r="B32" s="20"/>
      <c r="C32" s="16">
        <v>1249</v>
      </c>
      <c r="D32" s="22">
        <v>636</v>
      </c>
      <c r="E32" s="22">
        <v>613</v>
      </c>
      <c r="F32" s="22"/>
      <c r="G32" s="21" t="s">
        <v>60</v>
      </c>
      <c r="H32" s="20"/>
      <c r="I32" s="16">
        <v>1585</v>
      </c>
      <c r="J32" s="22">
        <v>724</v>
      </c>
      <c r="K32" s="22">
        <v>861</v>
      </c>
    </row>
    <row r="33" spans="1:11" ht="15" customHeight="1">
      <c r="A33" s="20" t="s">
        <v>61</v>
      </c>
      <c r="B33" s="20"/>
      <c r="C33" s="16">
        <v>1128</v>
      </c>
      <c r="D33" s="22">
        <v>532</v>
      </c>
      <c r="E33" s="22">
        <v>596</v>
      </c>
      <c r="F33" s="22"/>
      <c r="G33" s="21" t="s">
        <v>62</v>
      </c>
      <c r="H33" s="20"/>
      <c r="I33" s="16">
        <v>1900</v>
      </c>
      <c r="J33" s="22">
        <v>850</v>
      </c>
      <c r="K33" s="22">
        <v>1050</v>
      </c>
    </row>
    <row r="34" spans="1:11" ht="15" customHeight="1">
      <c r="A34" s="20" t="s">
        <v>63</v>
      </c>
      <c r="B34" s="20"/>
      <c r="C34" s="16">
        <v>1322</v>
      </c>
      <c r="D34" s="22">
        <v>691</v>
      </c>
      <c r="E34" s="22">
        <v>631</v>
      </c>
      <c r="F34" s="22"/>
      <c r="G34" s="21" t="s">
        <v>64</v>
      </c>
      <c r="H34" s="20"/>
      <c r="I34" s="16">
        <v>1778</v>
      </c>
      <c r="J34" s="22">
        <v>771</v>
      </c>
      <c r="K34" s="22">
        <v>1007</v>
      </c>
    </row>
    <row r="35" spans="1:11" ht="20.100000000000001" customHeight="1">
      <c r="A35" s="20" t="s">
        <v>65</v>
      </c>
      <c r="B35" s="20"/>
      <c r="C35" s="16">
        <v>5819</v>
      </c>
      <c r="D35" s="17">
        <v>2939</v>
      </c>
      <c r="E35" s="17">
        <v>2880</v>
      </c>
      <c r="F35" s="17"/>
      <c r="G35" s="21" t="s">
        <v>66</v>
      </c>
      <c r="H35" s="20"/>
      <c r="I35" s="16">
        <v>7115</v>
      </c>
      <c r="J35" s="17">
        <v>3072</v>
      </c>
      <c r="K35" s="17">
        <v>4043</v>
      </c>
    </row>
    <row r="36" spans="1:11" ht="15" customHeight="1">
      <c r="A36" s="20" t="s">
        <v>67</v>
      </c>
      <c r="B36" s="20"/>
      <c r="C36" s="16">
        <v>1202</v>
      </c>
      <c r="D36" s="22">
        <v>597</v>
      </c>
      <c r="E36" s="22">
        <v>605</v>
      </c>
      <c r="F36" s="22"/>
      <c r="G36" s="21" t="s">
        <v>68</v>
      </c>
      <c r="H36" s="20"/>
      <c r="I36" s="16">
        <v>1805</v>
      </c>
      <c r="J36" s="22">
        <v>776</v>
      </c>
      <c r="K36" s="22">
        <v>1029</v>
      </c>
    </row>
    <row r="37" spans="1:11" ht="15" customHeight="1">
      <c r="A37" s="20" t="s">
        <v>69</v>
      </c>
      <c r="B37" s="20"/>
      <c r="C37" s="16">
        <v>1174</v>
      </c>
      <c r="D37" s="22">
        <v>580</v>
      </c>
      <c r="E37" s="22">
        <v>594</v>
      </c>
      <c r="F37" s="22"/>
      <c r="G37" s="21" t="s">
        <v>70</v>
      </c>
      <c r="H37" s="20"/>
      <c r="I37" s="16">
        <v>1220</v>
      </c>
      <c r="J37" s="22">
        <v>569</v>
      </c>
      <c r="K37" s="22">
        <v>651</v>
      </c>
    </row>
    <row r="38" spans="1:11" ht="15" customHeight="1">
      <c r="A38" s="20" t="s">
        <v>71</v>
      </c>
      <c r="B38" s="20"/>
      <c r="C38" s="16">
        <v>1119</v>
      </c>
      <c r="D38" s="22">
        <v>577</v>
      </c>
      <c r="E38" s="22">
        <v>542</v>
      </c>
      <c r="F38" s="22"/>
      <c r="G38" s="21" t="s">
        <v>72</v>
      </c>
      <c r="H38" s="20"/>
      <c r="I38" s="16">
        <v>1108</v>
      </c>
      <c r="J38" s="22">
        <v>455</v>
      </c>
      <c r="K38" s="22">
        <v>653</v>
      </c>
    </row>
    <row r="39" spans="1:11" ht="15" customHeight="1">
      <c r="A39" s="20" t="s">
        <v>73</v>
      </c>
      <c r="B39" s="20"/>
      <c r="C39" s="16">
        <v>1187</v>
      </c>
      <c r="D39" s="22">
        <v>589</v>
      </c>
      <c r="E39" s="22">
        <v>598</v>
      </c>
      <c r="F39" s="22"/>
      <c r="G39" s="21" t="s">
        <v>74</v>
      </c>
      <c r="H39" s="20"/>
      <c r="I39" s="16">
        <v>1437</v>
      </c>
      <c r="J39" s="22">
        <v>629</v>
      </c>
      <c r="K39" s="22">
        <v>808</v>
      </c>
    </row>
    <row r="40" spans="1:11" ht="15" customHeight="1">
      <c r="A40" s="20" t="s">
        <v>75</v>
      </c>
      <c r="B40" s="20"/>
      <c r="C40" s="16">
        <v>1137</v>
      </c>
      <c r="D40" s="22">
        <v>596</v>
      </c>
      <c r="E40" s="22">
        <v>541</v>
      </c>
      <c r="F40" s="22"/>
      <c r="G40" s="21" t="s">
        <v>76</v>
      </c>
      <c r="H40" s="20"/>
      <c r="I40" s="16">
        <v>1545</v>
      </c>
      <c r="J40" s="22">
        <v>643</v>
      </c>
      <c r="K40" s="22">
        <v>902</v>
      </c>
    </row>
    <row r="41" spans="1:11" ht="20.100000000000001" customHeight="1">
      <c r="A41" s="20" t="s">
        <v>77</v>
      </c>
      <c r="B41" s="20"/>
      <c r="C41" s="16">
        <v>5632</v>
      </c>
      <c r="D41" s="17">
        <v>2830</v>
      </c>
      <c r="E41" s="17">
        <v>2802</v>
      </c>
      <c r="F41" s="17"/>
      <c r="G41" s="21" t="s">
        <v>78</v>
      </c>
      <c r="H41" s="20"/>
      <c r="I41" s="16">
        <v>6372</v>
      </c>
      <c r="J41" s="17">
        <v>2729</v>
      </c>
      <c r="K41" s="17">
        <v>3643</v>
      </c>
    </row>
    <row r="42" spans="1:11" ht="15" customHeight="1">
      <c r="A42" s="20" t="s">
        <v>79</v>
      </c>
      <c r="B42" s="20"/>
      <c r="C42" s="16">
        <v>1147</v>
      </c>
      <c r="D42" s="22">
        <v>581</v>
      </c>
      <c r="E42" s="22">
        <v>566</v>
      </c>
      <c r="F42" s="22"/>
      <c r="G42" s="21" t="s">
        <v>80</v>
      </c>
      <c r="H42" s="20"/>
      <c r="I42" s="16">
        <v>1436</v>
      </c>
      <c r="J42" s="22">
        <v>621</v>
      </c>
      <c r="K42" s="22">
        <v>815</v>
      </c>
    </row>
    <row r="43" spans="1:11" ht="15" customHeight="1">
      <c r="A43" s="20" t="s">
        <v>81</v>
      </c>
      <c r="B43" s="20"/>
      <c r="C43" s="16">
        <v>1095</v>
      </c>
      <c r="D43" s="22">
        <v>554</v>
      </c>
      <c r="E43" s="22">
        <v>541</v>
      </c>
      <c r="F43" s="22"/>
      <c r="G43" s="21" t="s">
        <v>82</v>
      </c>
      <c r="H43" s="20"/>
      <c r="I43" s="16">
        <v>1400</v>
      </c>
      <c r="J43" s="22">
        <v>615</v>
      </c>
      <c r="K43" s="22">
        <v>785</v>
      </c>
    </row>
    <row r="44" spans="1:11" ht="15" customHeight="1">
      <c r="A44" s="20" t="s">
        <v>83</v>
      </c>
      <c r="B44" s="20"/>
      <c r="C44" s="16">
        <v>1118</v>
      </c>
      <c r="D44" s="22">
        <v>560</v>
      </c>
      <c r="E44" s="22">
        <v>558</v>
      </c>
      <c r="F44" s="22"/>
      <c r="G44" s="21" t="s">
        <v>84</v>
      </c>
      <c r="H44" s="20"/>
      <c r="I44" s="16">
        <v>1342</v>
      </c>
      <c r="J44" s="22">
        <v>574</v>
      </c>
      <c r="K44" s="22">
        <v>768</v>
      </c>
    </row>
    <row r="45" spans="1:11" ht="15" customHeight="1">
      <c r="A45" s="20" t="s">
        <v>85</v>
      </c>
      <c r="B45" s="20"/>
      <c r="C45" s="16">
        <v>1075</v>
      </c>
      <c r="D45" s="22">
        <v>534</v>
      </c>
      <c r="E45" s="22">
        <v>541</v>
      </c>
      <c r="F45" s="22"/>
      <c r="G45" s="21" t="s">
        <v>86</v>
      </c>
      <c r="H45" s="20"/>
      <c r="I45" s="16">
        <v>1190</v>
      </c>
      <c r="J45" s="22">
        <v>484</v>
      </c>
      <c r="K45" s="22">
        <v>706</v>
      </c>
    </row>
    <row r="46" spans="1:11" ht="15" customHeight="1">
      <c r="A46" s="20" t="s">
        <v>87</v>
      </c>
      <c r="B46" s="20"/>
      <c r="C46" s="16">
        <v>1197</v>
      </c>
      <c r="D46" s="22">
        <v>601</v>
      </c>
      <c r="E46" s="22">
        <v>596</v>
      </c>
      <c r="F46" s="22"/>
      <c r="G46" s="21" t="s">
        <v>88</v>
      </c>
      <c r="H46" s="20"/>
      <c r="I46" s="16">
        <v>1004</v>
      </c>
      <c r="J46" s="22">
        <v>435</v>
      </c>
      <c r="K46" s="22">
        <v>569</v>
      </c>
    </row>
    <row r="47" spans="1:11" ht="20.100000000000001" customHeight="1">
      <c r="A47" s="20" t="s">
        <v>89</v>
      </c>
      <c r="B47" s="20"/>
      <c r="C47" s="16">
        <v>6287</v>
      </c>
      <c r="D47" s="17">
        <v>3190</v>
      </c>
      <c r="E47" s="17">
        <v>3097</v>
      </c>
      <c r="F47" s="17"/>
      <c r="G47" s="21" t="s">
        <v>90</v>
      </c>
      <c r="H47" s="20"/>
      <c r="I47" s="16">
        <v>4147</v>
      </c>
      <c r="J47" s="17">
        <v>1609</v>
      </c>
      <c r="K47" s="17">
        <v>2538</v>
      </c>
    </row>
    <row r="48" spans="1:11" ht="15" customHeight="1">
      <c r="A48" s="20" t="s">
        <v>91</v>
      </c>
      <c r="B48" s="20"/>
      <c r="C48" s="16">
        <v>1249</v>
      </c>
      <c r="D48" s="22">
        <v>662</v>
      </c>
      <c r="E48" s="22">
        <v>587</v>
      </c>
      <c r="F48" s="22"/>
      <c r="G48" s="21" t="s">
        <v>92</v>
      </c>
      <c r="H48" s="20"/>
      <c r="I48" s="16">
        <v>1033</v>
      </c>
      <c r="J48" s="22">
        <v>394</v>
      </c>
      <c r="K48" s="22">
        <v>639</v>
      </c>
    </row>
    <row r="49" spans="1:11" ht="15" customHeight="1">
      <c r="A49" s="20" t="s">
        <v>93</v>
      </c>
      <c r="B49" s="20"/>
      <c r="C49" s="16">
        <v>1191</v>
      </c>
      <c r="D49" s="22">
        <v>603</v>
      </c>
      <c r="E49" s="22">
        <v>588</v>
      </c>
      <c r="F49" s="22"/>
      <c r="G49" s="21" t="s">
        <v>94</v>
      </c>
      <c r="H49" s="20"/>
      <c r="I49" s="16">
        <v>938</v>
      </c>
      <c r="J49" s="22">
        <v>390</v>
      </c>
      <c r="K49" s="22">
        <v>548</v>
      </c>
    </row>
    <row r="50" spans="1:11" ht="15" customHeight="1">
      <c r="A50" s="20" t="s">
        <v>95</v>
      </c>
      <c r="B50" s="20"/>
      <c r="C50" s="16">
        <v>1222</v>
      </c>
      <c r="D50" s="22">
        <v>644</v>
      </c>
      <c r="E50" s="22">
        <v>578</v>
      </c>
      <c r="F50" s="22"/>
      <c r="G50" s="21" t="s">
        <v>96</v>
      </c>
      <c r="H50" s="20"/>
      <c r="I50" s="16">
        <v>882</v>
      </c>
      <c r="J50" s="22">
        <v>341</v>
      </c>
      <c r="K50" s="22">
        <v>541</v>
      </c>
    </row>
    <row r="51" spans="1:11" ht="15" customHeight="1">
      <c r="A51" s="20" t="s">
        <v>97</v>
      </c>
      <c r="B51" s="20"/>
      <c r="C51" s="16">
        <v>1272</v>
      </c>
      <c r="D51" s="22">
        <v>601</v>
      </c>
      <c r="E51" s="22">
        <v>671</v>
      </c>
      <c r="F51" s="22"/>
      <c r="G51" s="21" t="s">
        <v>98</v>
      </c>
      <c r="H51" s="20"/>
      <c r="I51" s="16">
        <v>681</v>
      </c>
      <c r="J51" s="22">
        <v>286</v>
      </c>
      <c r="K51" s="22">
        <v>395</v>
      </c>
    </row>
    <row r="52" spans="1:11" ht="15" customHeight="1">
      <c r="A52" s="20" t="s">
        <v>99</v>
      </c>
      <c r="B52" s="20"/>
      <c r="C52" s="16">
        <v>1353</v>
      </c>
      <c r="D52" s="22">
        <v>680</v>
      </c>
      <c r="E52" s="22">
        <v>673</v>
      </c>
      <c r="F52" s="22"/>
      <c r="G52" s="21" t="s">
        <v>100</v>
      </c>
      <c r="H52" s="20"/>
      <c r="I52" s="16">
        <v>613</v>
      </c>
      <c r="J52" s="22">
        <v>198</v>
      </c>
      <c r="K52" s="22">
        <v>415</v>
      </c>
    </row>
    <row r="53" spans="1:11" ht="20.100000000000001" customHeight="1">
      <c r="A53" s="20" t="s">
        <v>101</v>
      </c>
      <c r="B53" s="20"/>
      <c r="C53" s="16">
        <v>6984</v>
      </c>
      <c r="D53" s="17">
        <v>3556</v>
      </c>
      <c r="E53" s="17">
        <v>3428</v>
      </c>
      <c r="F53" s="17"/>
      <c r="G53" s="21" t="s">
        <v>102</v>
      </c>
      <c r="H53" s="20"/>
      <c r="I53" s="16">
        <v>2015</v>
      </c>
      <c r="J53" s="17">
        <v>594</v>
      </c>
      <c r="K53" s="17">
        <v>1421</v>
      </c>
    </row>
    <row r="54" spans="1:11" ht="15" customHeight="1">
      <c r="A54" s="20" t="s">
        <v>103</v>
      </c>
      <c r="B54" s="20"/>
      <c r="C54" s="16">
        <v>1331</v>
      </c>
      <c r="D54" s="22">
        <v>696</v>
      </c>
      <c r="E54" s="22">
        <v>635</v>
      </c>
      <c r="F54" s="22"/>
      <c r="G54" s="21" t="s">
        <v>104</v>
      </c>
      <c r="H54" s="20"/>
      <c r="I54" s="16">
        <v>582</v>
      </c>
      <c r="J54" s="22">
        <v>179</v>
      </c>
      <c r="K54" s="22">
        <v>403</v>
      </c>
    </row>
    <row r="55" spans="1:11" ht="15" customHeight="1">
      <c r="A55" s="20" t="s">
        <v>105</v>
      </c>
      <c r="B55" s="20"/>
      <c r="C55" s="16">
        <v>1304</v>
      </c>
      <c r="D55" s="22">
        <v>683</v>
      </c>
      <c r="E55" s="22">
        <v>621</v>
      </c>
      <c r="F55" s="22"/>
      <c r="G55" s="21" t="s">
        <v>106</v>
      </c>
      <c r="H55" s="20"/>
      <c r="I55" s="16">
        <v>459</v>
      </c>
      <c r="J55" s="22">
        <v>153</v>
      </c>
      <c r="K55" s="22">
        <v>306</v>
      </c>
    </row>
    <row r="56" spans="1:11" ht="15" customHeight="1">
      <c r="A56" s="20" t="s">
        <v>107</v>
      </c>
      <c r="B56" s="20"/>
      <c r="C56" s="16">
        <v>1288</v>
      </c>
      <c r="D56" s="22">
        <v>641</v>
      </c>
      <c r="E56" s="22">
        <v>647</v>
      </c>
      <c r="F56" s="22"/>
      <c r="G56" s="21" t="s">
        <v>108</v>
      </c>
      <c r="H56" s="20"/>
      <c r="I56" s="16">
        <v>438</v>
      </c>
      <c r="J56" s="22">
        <v>120</v>
      </c>
      <c r="K56" s="22">
        <v>318</v>
      </c>
    </row>
    <row r="57" spans="1:11" ht="15" customHeight="1">
      <c r="A57" s="20" t="s">
        <v>109</v>
      </c>
      <c r="B57" s="20"/>
      <c r="C57" s="16">
        <v>1509</v>
      </c>
      <c r="D57" s="22">
        <v>769</v>
      </c>
      <c r="E57" s="22">
        <v>740</v>
      </c>
      <c r="F57" s="22"/>
      <c r="G57" s="21" t="s">
        <v>110</v>
      </c>
      <c r="H57" s="20"/>
      <c r="I57" s="16">
        <v>294</v>
      </c>
      <c r="J57" s="22">
        <v>82</v>
      </c>
      <c r="K57" s="22">
        <v>212</v>
      </c>
    </row>
    <row r="58" spans="1:11" ht="15" customHeight="1">
      <c r="A58" s="20" t="s">
        <v>111</v>
      </c>
      <c r="B58" s="20"/>
      <c r="C58" s="16">
        <v>1552</v>
      </c>
      <c r="D58" s="22">
        <v>767</v>
      </c>
      <c r="E58" s="22">
        <v>785</v>
      </c>
      <c r="F58" s="22"/>
      <c r="G58" s="21" t="s">
        <v>112</v>
      </c>
      <c r="H58" s="20"/>
      <c r="I58" s="16">
        <v>242</v>
      </c>
      <c r="J58" s="22">
        <v>60</v>
      </c>
      <c r="K58" s="22">
        <v>182</v>
      </c>
    </row>
    <row r="59" spans="1:11" ht="20.100000000000001" customHeight="1">
      <c r="A59" s="20" t="s">
        <v>113</v>
      </c>
      <c r="B59" s="20"/>
      <c r="C59" s="16">
        <v>9213</v>
      </c>
      <c r="D59" s="17">
        <v>4618</v>
      </c>
      <c r="E59" s="17">
        <v>4595</v>
      </c>
      <c r="F59" s="17"/>
      <c r="G59" s="21" t="s">
        <v>114</v>
      </c>
      <c r="H59" s="20"/>
      <c r="I59" s="16">
        <v>527</v>
      </c>
      <c r="J59" s="17">
        <v>124</v>
      </c>
      <c r="K59" s="17">
        <v>403</v>
      </c>
    </row>
    <row r="60" spans="1:11" ht="15" customHeight="1">
      <c r="A60" s="20" t="s">
        <v>115</v>
      </c>
      <c r="B60" s="20"/>
      <c r="C60" s="16">
        <v>1600</v>
      </c>
      <c r="D60" s="22">
        <v>800</v>
      </c>
      <c r="E60" s="22">
        <v>800</v>
      </c>
      <c r="F60" s="22"/>
      <c r="G60" s="21" t="s">
        <v>116</v>
      </c>
      <c r="H60" s="20"/>
      <c r="I60" s="16">
        <v>189</v>
      </c>
      <c r="J60" s="22">
        <v>49</v>
      </c>
      <c r="K60" s="22">
        <v>140</v>
      </c>
    </row>
    <row r="61" spans="1:11" ht="15" customHeight="1">
      <c r="A61" s="20" t="s">
        <v>117</v>
      </c>
      <c r="B61" s="20"/>
      <c r="C61" s="16">
        <v>1695</v>
      </c>
      <c r="D61" s="22">
        <v>865</v>
      </c>
      <c r="E61" s="22">
        <v>830</v>
      </c>
      <c r="F61" s="22"/>
      <c r="G61" s="21" t="s">
        <v>118</v>
      </c>
      <c r="H61" s="20"/>
      <c r="I61" s="16">
        <v>136</v>
      </c>
      <c r="J61" s="22">
        <v>40</v>
      </c>
      <c r="K61" s="22">
        <v>96</v>
      </c>
    </row>
    <row r="62" spans="1:11" ht="15" customHeight="1">
      <c r="A62" s="20" t="s">
        <v>119</v>
      </c>
      <c r="B62" s="20"/>
      <c r="C62" s="16">
        <v>1790</v>
      </c>
      <c r="D62" s="22">
        <v>928</v>
      </c>
      <c r="E62" s="22">
        <v>862</v>
      </c>
      <c r="F62" s="22"/>
      <c r="G62" s="21" t="s">
        <v>120</v>
      </c>
      <c r="H62" s="20"/>
      <c r="I62" s="16">
        <v>86</v>
      </c>
      <c r="J62" s="22">
        <v>11</v>
      </c>
      <c r="K62" s="22">
        <v>75</v>
      </c>
    </row>
    <row r="63" spans="1:11" ht="15" customHeight="1">
      <c r="A63" s="20" t="s">
        <v>121</v>
      </c>
      <c r="B63" s="20"/>
      <c r="C63" s="16">
        <v>2014</v>
      </c>
      <c r="D63" s="22">
        <v>985</v>
      </c>
      <c r="E63" s="22">
        <v>1029</v>
      </c>
      <c r="F63" s="22"/>
      <c r="G63" s="21" t="s">
        <v>122</v>
      </c>
      <c r="H63" s="20"/>
      <c r="I63" s="16">
        <v>62</v>
      </c>
      <c r="J63" s="22">
        <v>13</v>
      </c>
      <c r="K63" s="22">
        <v>49</v>
      </c>
    </row>
    <row r="64" spans="1:11" ht="15" customHeight="1">
      <c r="A64" s="20" t="s">
        <v>123</v>
      </c>
      <c r="B64" s="20"/>
      <c r="C64" s="16">
        <v>2114</v>
      </c>
      <c r="D64" s="22">
        <v>1040</v>
      </c>
      <c r="E64" s="22">
        <v>1074</v>
      </c>
      <c r="F64" s="22"/>
      <c r="G64" s="21" t="s">
        <v>124</v>
      </c>
      <c r="H64" s="20"/>
      <c r="I64" s="16">
        <v>54</v>
      </c>
      <c r="J64" s="22">
        <v>11</v>
      </c>
      <c r="K64" s="22">
        <v>43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68</v>
      </c>
      <c r="J65" s="22">
        <v>9</v>
      </c>
      <c r="K65" s="22">
        <v>59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2087</v>
      </c>
      <c r="J66" s="32">
        <v>809</v>
      </c>
      <c r="K66" s="32">
        <v>1278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74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20974</v>
      </c>
      <c r="D4" s="17">
        <v>58782</v>
      </c>
      <c r="E4" s="17">
        <v>62192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3881</v>
      </c>
      <c r="D5" s="17">
        <v>1989</v>
      </c>
      <c r="E5" s="17">
        <v>1892</v>
      </c>
      <c r="F5" s="17"/>
      <c r="G5" s="21" t="s">
        <v>6</v>
      </c>
      <c r="H5" s="20"/>
      <c r="I5" s="16">
        <v>10323</v>
      </c>
      <c r="J5" s="17">
        <v>5188</v>
      </c>
      <c r="K5" s="17">
        <v>5135</v>
      </c>
    </row>
    <row r="6" spans="1:11" ht="15" customHeight="1">
      <c r="A6" s="20" t="s">
        <v>7</v>
      </c>
      <c r="B6" s="20"/>
      <c r="C6" s="16">
        <v>763</v>
      </c>
      <c r="D6" s="22">
        <v>379</v>
      </c>
      <c r="E6" s="22">
        <v>384</v>
      </c>
      <c r="F6" s="22"/>
      <c r="G6" s="21" t="s">
        <v>8</v>
      </c>
      <c r="H6" s="20"/>
      <c r="I6" s="16">
        <v>2058</v>
      </c>
      <c r="J6" s="22">
        <v>1012</v>
      </c>
      <c r="K6" s="22">
        <v>1046</v>
      </c>
    </row>
    <row r="7" spans="1:11" ht="15" customHeight="1">
      <c r="A7" s="20" t="s">
        <v>9</v>
      </c>
      <c r="B7" s="20"/>
      <c r="C7" s="16">
        <v>792</v>
      </c>
      <c r="D7" s="22">
        <v>415</v>
      </c>
      <c r="E7" s="22">
        <v>377</v>
      </c>
      <c r="F7" s="22"/>
      <c r="G7" s="21" t="s">
        <v>10</v>
      </c>
      <c r="H7" s="20"/>
      <c r="I7" s="16">
        <v>2179</v>
      </c>
      <c r="J7" s="22">
        <v>1094</v>
      </c>
      <c r="K7" s="22">
        <v>1085</v>
      </c>
    </row>
    <row r="8" spans="1:11" ht="15" customHeight="1">
      <c r="A8" s="20" t="s">
        <v>11</v>
      </c>
      <c r="B8" s="20"/>
      <c r="C8" s="16">
        <v>765</v>
      </c>
      <c r="D8" s="22">
        <v>393</v>
      </c>
      <c r="E8" s="22">
        <v>372</v>
      </c>
      <c r="F8" s="22"/>
      <c r="G8" s="21" t="s">
        <v>12</v>
      </c>
      <c r="H8" s="20"/>
      <c r="I8" s="16">
        <v>2101</v>
      </c>
      <c r="J8" s="22">
        <v>1038</v>
      </c>
      <c r="K8" s="22">
        <v>1063</v>
      </c>
    </row>
    <row r="9" spans="1:11" ht="15" customHeight="1">
      <c r="A9" s="20" t="s">
        <v>13</v>
      </c>
      <c r="B9" s="20"/>
      <c r="C9" s="16">
        <v>756</v>
      </c>
      <c r="D9" s="22">
        <v>387</v>
      </c>
      <c r="E9" s="22">
        <v>369</v>
      </c>
      <c r="F9" s="22"/>
      <c r="G9" s="21" t="s">
        <v>14</v>
      </c>
      <c r="H9" s="20"/>
      <c r="I9" s="16">
        <v>1979</v>
      </c>
      <c r="J9" s="22">
        <v>1042</v>
      </c>
      <c r="K9" s="22">
        <v>937</v>
      </c>
    </row>
    <row r="10" spans="1:11" ht="15" customHeight="1">
      <c r="A10" s="20" t="s">
        <v>15</v>
      </c>
      <c r="B10" s="20"/>
      <c r="C10" s="16">
        <v>805</v>
      </c>
      <c r="D10" s="22">
        <v>415</v>
      </c>
      <c r="E10" s="22">
        <v>390</v>
      </c>
      <c r="F10" s="22"/>
      <c r="G10" s="21" t="s">
        <v>16</v>
      </c>
      <c r="H10" s="20"/>
      <c r="I10" s="16">
        <v>2006</v>
      </c>
      <c r="J10" s="22">
        <v>1002</v>
      </c>
      <c r="K10" s="22">
        <v>1004</v>
      </c>
    </row>
    <row r="11" spans="1:11" ht="20.100000000000001" customHeight="1">
      <c r="A11" s="20" t="s">
        <v>17</v>
      </c>
      <c r="B11" s="20"/>
      <c r="C11" s="16">
        <v>4215</v>
      </c>
      <c r="D11" s="17">
        <v>2199</v>
      </c>
      <c r="E11" s="17">
        <v>2016</v>
      </c>
      <c r="F11" s="17"/>
      <c r="G11" s="21" t="s">
        <v>18</v>
      </c>
      <c r="H11" s="20"/>
      <c r="I11" s="16">
        <v>7944</v>
      </c>
      <c r="J11" s="17">
        <v>4139</v>
      </c>
      <c r="K11" s="17">
        <v>3805</v>
      </c>
    </row>
    <row r="12" spans="1:11" ht="15" customHeight="1">
      <c r="A12" s="20" t="s">
        <v>19</v>
      </c>
      <c r="B12" s="20"/>
      <c r="C12" s="16">
        <v>776</v>
      </c>
      <c r="D12" s="22">
        <v>402</v>
      </c>
      <c r="E12" s="22">
        <v>374</v>
      </c>
      <c r="F12" s="22"/>
      <c r="G12" s="21" t="s">
        <v>20</v>
      </c>
      <c r="H12" s="20"/>
      <c r="I12" s="16">
        <v>1949</v>
      </c>
      <c r="J12" s="22">
        <v>1029</v>
      </c>
      <c r="K12" s="22">
        <v>920</v>
      </c>
    </row>
    <row r="13" spans="1:11" ht="15" customHeight="1">
      <c r="A13" s="20" t="s">
        <v>21</v>
      </c>
      <c r="B13" s="20"/>
      <c r="C13" s="16">
        <v>874</v>
      </c>
      <c r="D13" s="22">
        <v>464</v>
      </c>
      <c r="E13" s="22">
        <v>410</v>
      </c>
      <c r="F13" s="22"/>
      <c r="G13" s="21" t="s">
        <v>22</v>
      </c>
      <c r="H13" s="20"/>
      <c r="I13" s="16">
        <v>1406</v>
      </c>
      <c r="J13" s="22">
        <v>717</v>
      </c>
      <c r="K13" s="22">
        <v>689</v>
      </c>
    </row>
    <row r="14" spans="1:11" ht="15" customHeight="1">
      <c r="A14" s="20" t="s">
        <v>23</v>
      </c>
      <c r="B14" s="20"/>
      <c r="C14" s="16">
        <v>811</v>
      </c>
      <c r="D14" s="22">
        <v>426</v>
      </c>
      <c r="E14" s="22">
        <v>385</v>
      </c>
      <c r="F14" s="22"/>
      <c r="G14" s="21" t="s">
        <v>24</v>
      </c>
      <c r="H14" s="20"/>
      <c r="I14" s="16">
        <v>1665</v>
      </c>
      <c r="J14" s="22">
        <v>882</v>
      </c>
      <c r="K14" s="22">
        <v>783</v>
      </c>
    </row>
    <row r="15" spans="1:11" ht="15" customHeight="1">
      <c r="A15" s="20" t="s">
        <v>25</v>
      </c>
      <c r="B15" s="20"/>
      <c r="C15" s="16">
        <v>849</v>
      </c>
      <c r="D15" s="22">
        <v>448</v>
      </c>
      <c r="E15" s="22">
        <v>401</v>
      </c>
      <c r="F15" s="22"/>
      <c r="G15" s="21" t="s">
        <v>26</v>
      </c>
      <c r="H15" s="20"/>
      <c r="I15" s="16">
        <v>1567</v>
      </c>
      <c r="J15" s="22">
        <v>796</v>
      </c>
      <c r="K15" s="22">
        <v>771</v>
      </c>
    </row>
    <row r="16" spans="1:11" ht="15" customHeight="1">
      <c r="A16" s="20" t="s">
        <v>27</v>
      </c>
      <c r="B16" s="20"/>
      <c r="C16" s="16">
        <v>905</v>
      </c>
      <c r="D16" s="22">
        <v>459</v>
      </c>
      <c r="E16" s="22">
        <v>446</v>
      </c>
      <c r="F16" s="22"/>
      <c r="G16" s="21" t="s">
        <v>28</v>
      </c>
      <c r="H16" s="20"/>
      <c r="I16" s="16">
        <v>1357</v>
      </c>
      <c r="J16" s="22">
        <v>715</v>
      </c>
      <c r="K16" s="22">
        <v>642</v>
      </c>
    </row>
    <row r="17" spans="1:11" ht="20.100000000000001" customHeight="1">
      <c r="A17" s="24" t="s">
        <v>29</v>
      </c>
      <c r="B17" s="24"/>
      <c r="C17" s="16">
        <v>4990</v>
      </c>
      <c r="D17" s="17">
        <v>2560</v>
      </c>
      <c r="E17" s="17">
        <v>2430</v>
      </c>
      <c r="F17" s="17"/>
      <c r="G17" s="21" t="s">
        <v>30</v>
      </c>
      <c r="H17" s="20"/>
      <c r="I17" s="16">
        <v>6380</v>
      </c>
      <c r="J17" s="17">
        <v>3080</v>
      </c>
      <c r="K17" s="17">
        <v>3300</v>
      </c>
    </row>
    <row r="18" spans="1:11" ht="15" customHeight="1">
      <c r="A18" s="20" t="s">
        <v>31</v>
      </c>
      <c r="B18" s="20"/>
      <c r="C18" s="16">
        <v>939</v>
      </c>
      <c r="D18" s="22">
        <v>489</v>
      </c>
      <c r="E18" s="22">
        <v>450</v>
      </c>
      <c r="F18" s="22"/>
      <c r="G18" s="21" t="s">
        <v>32</v>
      </c>
      <c r="H18" s="20"/>
      <c r="I18" s="16">
        <v>1316</v>
      </c>
      <c r="J18" s="22">
        <v>617</v>
      </c>
      <c r="K18" s="22">
        <v>699</v>
      </c>
    </row>
    <row r="19" spans="1:11" ht="15" customHeight="1">
      <c r="A19" s="20" t="s">
        <v>33</v>
      </c>
      <c r="B19" s="20"/>
      <c r="C19" s="16">
        <v>963</v>
      </c>
      <c r="D19" s="22">
        <v>492</v>
      </c>
      <c r="E19" s="22">
        <v>471</v>
      </c>
      <c r="F19" s="22"/>
      <c r="G19" s="21" t="s">
        <v>34</v>
      </c>
      <c r="H19" s="20"/>
      <c r="I19" s="16">
        <v>1303</v>
      </c>
      <c r="J19" s="22">
        <v>664</v>
      </c>
      <c r="K19" s="22">
        <v>639</v>
      </c>
    </row>
    <row r="20" spans="1:11" ht="15" customHeight="1">
      <c r="A20" s="20" t="s">
        <v>35</v>
      </c>
      <c r="B20" s="20"/>
      <c r="C20" s="16">
        <v>1020</v>
      </c>
      <c r="D20" s="22">
        <v>521</v>
      </c>
      <c r="E20" s="22">
        <v>499</v>
      </c>
      <c r="F20" s="22"/>
      <c r="G20" s="21" t="s">
        <v>36</v>
      </c>
      <c r="H20" s="20"/>
      <c r="I20" s="16">
        <v>1298</v>
      </c>
      <c r="J20" s="22">
        <v>610</v>
      </c>
      <c r="K20" s="22">
        <v>688</v>
      </c>
    </row>
    <row r="21" spans="1:11" ht="15" customHeight="1">
      <c r="A21" s="20" t="s">
        <v>37</v>
      </c>
      <c r="B21" s="20"/>
      <c r="C21" s="16">
        <v>1020</v>
      </c>
      <c r="D21" s="22">
        <v>515</v>
      </c>
      <c r="E21" s="22">
        <v>505</v>
      </c>
      <c r="F21" s="22"/>
      <c r="G21" s="21" t="s">
        <v>38</v>
      </c>
      <c r="H21" s="20"/>
      <c r="I21" s="16">
        <v>1275</v>
      </c>
      <c r="J21" s="22">
        <v>614</v>
      </c>
      <c r="K21" s="22">
        <v>661</v>
      </c>
    </row>
    <row r="22" spans="1:11" ht="15" customHeight="1">
      <c r="A22" s="20" t="s">
        <v>39</v>
      </c>
      <c r="B22" s="20"/>
      <c r="C22" s="16">
        <v>1048</v>
      </c>
      <c r="D22" s="22">
        <v>543</v>
      </c>
      <c r="E22" s="22">
        <v>505</v>
      </c>
      <c r="F22" s="22"/>
      <c r="G22" s="21" t="s">
        <v>40</v>
      </c>
      <c r="H22" s="20"/>
      <c r="I22" s="16">
        <v>1188</v>
      </c>
      <c r="J22" s="22">
        <v>575</v>
      </c>
      <c r="K22" s="22">
        <v>613</v>
      </c>
    </row>
    <row r="23" spans="1:11" ht="20.100000000000001" customHeight="1">
      <c r="A23" s="20" t="s">
        <v>41</v>
      </c>
      <c r="B23" s="20"/>
      <c r="C23" s="16">
        <v>5574</v>
      </c>
      <c r="D23" s="17">
        <v>2903</v>
      </c>
      <c r="E23" s="17">
        <v>2671</v>
      </c>
      <c r="F23" s="17"/>
      <c r="G23" s="21" t="s">
        <v>42</v>
      </c>
      <c r="H23" s="20"/>
      <c r="I23" s="16">
        <v>6113</v>
      </c>
      <c r="J23" s="17">
        <v>2908</v>
      </c>
      <c r="K23" s="17">
        <v>3205</v>
      </c>
    </row>
    <row r="24" spans="1:11" ht="15" customHeight="1">
      <c r="A24" s="20" t="s">
        <v>43</v>
      </c>
      <c r="B24" s="20"/>
      <c r="C24" s="16">
        <v>1018</v>
      </c>
      <c r="D24" s="22">
        <v>536</v>
      </c>
      <c r="E24" s="22">
        <v>482</v>
      </c>
      <c r="F24" s="22"/>
      <c r="G24" s="21" t="s">
        <v>44</v>
      </c>
      <c r="H24" s="20"/>
      <c r="I24" s="16">
        <v>1113</v>
      </c>
      <c r="J24" s="22">
        <v>557</v>
      </c>
      <c r="K24" s="22">
        <v>556</v>
      </c>
    </row>
    <row r="25" spans="1:11" ht="15" customHeight="1">
      <c r="A25" s="20" t="s">
        <v>45</v>
      </c>
      <c r="B25" s="20"/>
      <c r="C25" s="16">
        <v>1144</v>
      </c>
      <c r="D25" s="22">
        <v>596</v>
      </c>
      <c r="E25" s="22">
        <v>548</v>
      </c>
      <c r="F25" s="22"/>
      <c r="G25" s="21" t="s">
        <v>46</v>
      </c>
      <c r="H25" s="20"/>
      <c r="I25" s="16">
        <v>1213</v>
      </c>
      <c r="J25" s="22">
        <v>574</v>
      </c>
      <c r="K25" s="22">
        <v>639</v>
      </c>
    </row>
    <row r="26" spans="1:11" ht="15" customHeight="1">
      <c r="A26" s="20" t="s">
        <v>47</v>
      </c>
      <c r="B26" s="20"/>
      <c r="C26" s="16">
        <v>1075</v>
      </c>
      <c r="D26" s="22">
        <v>545</v>
      </c>
      <c r="E26" s="22">
        <v>530</v>
      </c>
      <c r="F26" s="22"/>
      <c r="G26" s="21" t="s">
        <v>48</v>
      </c>
      <c r="H26" s="20"/>
      <c r="I26" s="16">
        <v>1256</v>
      </c>
      <c r="J26" s="22">
        <v>595</v>
      </c>
      <c r="K26" s="22">
        <v>661</v>
      </c>
    </row>
    <row r="27" spans="1:11" ht="15" customHeight="1">
      <c r="A27" s="20" t="s">
        <v>49</v>
      </c>
      <c r="B27" s="20"/>
      <c r="C27" s="16">
        <v>1131</v>
      </c>
      <c r="D27" s="22">
        <v>598</v>
      </c>
      <c r="E27" s="22">
        <v>533</v>
      </c>
      <c r="F27" s="22"/>
      <c r="G27" s="21" t="s">
        <v>50</v>
      </c>
      <c r="H27" s="20"/>
      <c r="I27" s="16">
        <v>1236</v>
      </c>
      <c r="J27" s="22">
        <v>589</v>
      </c>
      <c r="K27" s="22">
        <v>647</v>
      </c>
    </row>
    <row r="28" spans="1:11" ht="15" customHeight="1">
      <c r="A28" s="20" t="s">
        <v>51</v>
      </c>
      <c r="B28" s="20"/>
      <c r="C28" s="16">
        <v>1206</v>
      </c>
      <c r="D28" s="22">
        <v>628</v>
      </c>
      <c r="E28" s="22">
        <v>578</v>
      </c>
      <c r="F28" s="22"/>
      <c r="G28" s="21" t="s">
        <v>52</v>
      </c>
      <c r="H28" s="20"/>
      <c r="I28" s="16">
        <v>1295</v>
      </c>
      <c r="J28" s="22">
        <v>593</v>
      </c>
      <c r="K28" s="22">
        <v>702</v>
      </c>
    </row>
    <row r="29" spans="1:11" ht="20.100000000000001" customHeight="1">
      <c r="A29" s="20" t="s">
        <v>53</v>
      </c>
      <c r="B29" s="20"/>
      <c r="C29" s="16">
        <v>5699</v>
      </c>
      <c r="D29" s="17">
        <v>2818</v>
      </c>
      <c r="E29" s="17">
        <v>2881</v>
      </c>
      <c r="F29" s="17"/>
      <c r="G29" s="21" t="s">
        <v>54</v>
      </c>
      <c r="H29" s="20"/>
      <c r="I29" s="16">
        <v>8634</v>
      </c>
      <c r="J29" s="17">
        <v>3773</v>
      </c>
      <c r="K29" s="17">
        <v>4861</v>
      </c>
    </row>
    <row r="30" spans="1:11" ht="15" customHeight="1">
      <c r="A30" s="20" t="s">
        <v>55</v>
      </c>
      <c r="B30" s="20"/>
      <c r="C30" s="16">
        <v>1243</v>
      </c>
      <c r="D30" s="22">
        <v>635</v>
      </c>
      <c r="E30" s="22">
        <v>608</v>
      </c>
      <c r="F30" s="22"/>
      <c r="G30" s="21" t="s">
        <v>56</v>
      </c>
      <c r="H30" s="20"/>
      <c r="I30" s="16">
        <v>1475</v>
      </c>
      <c r="J30" s="22">
        <v>662</v>
      </c>
      <c r="K30" s="22">
        <v>813</v>
      </c>
    </row>
    <row r="31" spans="1:11" ht="15" customHeight="1">
      <c r="A31" s="20" t="s">
        <v>57</v>
      </c>
      <c r="B31" s="20"/>
      <c r="C31" s="16">
        <v>1203</v>
      </c>
      <c r="D31" s="22">
        <v>596</v>
      </c>
      <c r="E31" s="22">
        <v>607</v>
      </c>
      <c r="F31" s="22"/>
      <c r="G31" s="21" t="s">
        <v>58</v>
      </c>
      <c r="H31" s="20"/>
      <c r="I31" s="16">
        <v>1575</v>
      </c>
      <c r="J31" s="22">
        <v>711</v>
      </c>
      <c r="K31" s="22">
        <v>864</v>
      </c>
    </row>
    <row r="32" spans="1:11" ht="15" customHeight="1">
      <c r="A32" s="20" t="s">
        <v>59</v>
      </c>
      <c r="B32" s="20"/>
      <c r="C32" s="16">
        <v>1120</v>
      </c>
      <c r="D32" s="22">
        <v>535</v>
      </c>
      <c r="E32" s="22">
        <v>585</v>
      </c>
      <c r="F32" s="22"/>
      <c r="G32" s="21" t="s">
        <v>60</v>
      </c>
      <c r="H32" s="20"/>
      <c r="I32" s="16">
        <v>1703</v>
      </c>
      <c r="J32" s="22">
        <v>744</v>
      </c>
      <c r="K32" s="22">
        <v>959</v>
      </c>
    </row>
    <row r="33" spans="1:11" ht="15" customHeight="1">
      <c r="A33" s="20" t="s">
        <v>61</v>
      </c>
      <c r="B33" s="20"/>
      <c r="C33" s="16">
        <v>1090</v>
      </c>
      <c r="D33" s="22">
        <v>542</v>
      </c>
      <c r="E33" s="22">
        <v>548</v>
      </c>
      <c r="F33" s="22"/>
      <c r="G33" s="21" t="s">
        <v>62</v>
      </c>
      <c r="H33" s="20"/>
      <c r="I33" s="16">
        <v>1908</v>
      </c>
      <c r="J33" s="22">
        <v>822</v>
      </c>
      <c r="K33" s="22">
        <v>1086</v>
      </c>
    </row>
    <row r="34" spans="1:11" ht="15" customHeight="1">
      <c r="A34" s="20" t="s">
        <v>63</v>
      </c>
      <c r="B34" s="20"/>
      <c r="C34" s="16">
        <v>1043</v>
      </c>
      <c r="D34" s="22">
        <v>510</v>
      </c>
      <c r="E34" s="22">
        <v>533</v>
      </c>
      <c r="F34" s="22"/>
      <c r="G34" s="21" t="s">
        <v>64</v>
      </c>
      <c r="H34" s="20"/>
      <c r="I34" s="16">
        <v>1973</v>
      </c>
      <c r="J34" s="22">
        <v>834</v>
      </c>
      <c r="K34" s="22">
        <v>1139</v>
      </c>
    </row>
    <row r="35" spans="1:11" ht="20.100000000000001" customHeight="1">
      <c r="A35" s="20" t="s">
        <v>65</v>
      </c>
      <c r="B35" s="20"/>
      <c r="C35" s="16">
        <v>4999</v>
      </c>
      <c r="D35" s="17">
        <v>2386</v>
      </c>
      <c r="E35" s="17">
        <v>2613</v>
      </c>
      <c r="F35" s="17"/>
      <c r="G35" s="21" t="s">
        <v>66</v>
      </c>
      <c r="H35" s="20"/>
      <c r="I35" s="16">
        <v>8573</v>
      </c>
      <c r="J35" s="17">
        <v>3704</v>
      </c>
      <c r="K35" s="17">
        <v>4869</v>
      </c>
    </row>
    <row r="36" spans="1:11" ht="15" customHeight="1">
      <c r="A36" s="20" t="s">
        <v>67</v>
      </c>
      <c r="B36" s="20"/>
      <c r="C36" s="16">
        <v>1010</v>
      </c>
      <c r="D36" s="22">
        <v>483</v>
      </c>
      <c r="E36" s="22">
        <v>527</v>
      </c>
      <c r="F36" s="22"/>
      <c r="G36" s="21" t="s">
        <v>68</v>
      </c>
      <c r="H36" s="20"/>
      <c r="I36" s="16">
        <v>2089</v>
      </c>
      <c r="J36" s="22">
        <v>929</v>
      </c>
      <c r="K36" s="22">
        <v>1160</v>
      </c>
    </row>
    <row r="37" spans="1:11" ht="15" customHeight="1">
      <c r="A37" s="20" t="s">
        <v>69</v>
      </c>
      <c r="B37" s="20"/>
      <c r="C37" s="16">
        <v>982</v>
      </c>
      <c r="D37" s="22">
        <v>485</v>
      </c>
      <c r="E37" s="22">
        <v>497</v>
      </c>
      <c r="F37" s="22"/>
      <c r="G37" s="21" t="s">
        <v>70</v>
      </c>
      <c r="H37" s="20"/>
      <c r="I37" s="16">
        <v>1529</v>
      </c>
      <c r="J37" s="22">
        <v>650</v>
      </c>
      <c r="K37" s="22">
        <v>879</v>
      </c>
    </row>
    <row r="38" spans="1:11" ht="15" customHeight="1">
      <c r="A38" s="20" t="s">
        <v>71</v>
      </c>
      <c r="B38" s="20"/>
      <c r="C38" s="16">
        <v>959</v>
      </c>
      <c r="D38" s="22">
        <v>464</v>
      </c>
      <c r="E38" s="22">
        <v>495</v>
      </c>
      <c r="F38" s="22"/>
      <c r="G38" s="21" t="s">
        <v>72</v>
      </c>
      <c r="H38" s="20"/>
      <c r="I38" s="16">
        <v>1402</v>
      </c>
      <c r="J38" s="22">
        <v>598</v>
      </c>
      <c r="K38" s="22">
        <v>804</v>
      </c>
    </row>
    <row r="39" spans="1:11" ht="15" customHeight="1">
      <c r="A39" s="20" t="s">
        <v>73</v>
      </c>
      <c r="B39" s="20"/>
      <c r="C39" s="16">
        <v>1018</v>
      </c>
      <c r="D39" s="22">
        <v>467</v>
      </c>
      <c r="E39" s="22">
        <v>551</v>
      </c>
      <c r="F39" s="22"/>
      <c r="G39" s="21" t="s">
        <v>74</v>
      </c>
      <c r="H39" s="20"/>
      <c r="I39" s="16">
        <v>1714</v>
      </c>
      <c r="J39" s="22">
        <v>720</v>
      </c>
      <c r="K39" s="22">
        <v>994</v>
      </c>
    </row>
    <row r="40" spans="1:11" ht="15" customHeight="1">
      <c r="A40" s="20" t="s">
        <v>75</v>
      </c>
      <c r="B40" s="20"/>
      <c r="C40" s="16">
        <v>1030</v>
      </c>
      <c r="D40" s="22">
        <v>487</v>
      </c>
      <c r="E40" s="22">
        <v>543</v>
      </c>
      <c r="F40" s="22"/>
      <c r="G40" s="21" t="s">
        <v>76</v>
      </c>
      <c r="H40" s="20"/>
      <c r="I40" s="16">
        <v>1839</v>
      </c>
      <c r="J40" s="22">
        <v>807</v>
      </c>
      <c r="K40" s="22">
        <v>1032</v>
      </c>
    </row>
    <row r="41" spans="1:11" ht="20.100000000000001" customHeight="1">
      <c r="A41" s="20" t="s">
        <v>77</v>
      </c>
      <c r="B41" s="20"/>
      <c r="C41" s="16">
        <v>5319</v>
      </c>
      <c r="D41" s="17">
        <v>2719</v>
      </c>
      <c r="E41" s="17">
        <v>2600</v>
      </c>
      <c r="F41" s="17"/>
      <c r="G41" s="21" t="s">
        <v>78</v>
      </c>
      <c r="H41" s="20"/>
      <c r="I41" s="16">
        <v>7254</v>
      </c>
      <c r="J41" s="17">
        <v>3242</v>
      </c>
      <c r="K41" s="17">
        <v>4012</v>
      </c>
    </row>
    <row r="42" spans="1:11" ht="15" customHeight="1">
      <c r="A42" s="20" t="s">
        <v>79</v>
      </c>
      <c r="B42" s="20"/>
      <c r="C42" s="16">
        <v>981</v>
      </c>
      <c r="D42" s="22">
        <v>494</v>
      </c>
      <c r="E42" s="22">
        <v>487</v>
      </c>
      <c r="F42" s="22"/>
      <c r="G42" s="21" t="s">
        <v>80</v>
      </c>
      <c r="H42" s="20"/>
      <c r="I42" s="16">
        <v>1701</v>
      </c>
      <c r="J42" s="22">
        <v>775</v>
      </c>
      <c r="K42" s="22">
        <v>926</v>
      </c>
    </row>
    <row r="43" spans="1:11" ht="15" customHeight="1">
      <c r="A43" s="20" t="s">
        <v>81</v>
      </c>
      <c r="B43" s="20"/>
      <c r="C43" s="16">
        <v>1080</v>
      </c>
      <c r="D43" s="22">
        <v>577</v>
      </c>
      <c r="E43" s="22">
        <v>503</v>
      </c>
      <c r="F43" s="22"/>
      <c r="G43" s="21" t="s">
        <v>82</v>
      </c>
      <c r="H43" s="20"/>
      <c r="I43" s="16">
        <v>1690</v>
      </c>
      <c r="J43" s="22">
        <v>746</v>
      </c>
      <c r="K43" s="22">
        <v>944</v>
      </c>
    </row>
    <row r="44" spans="1:11" ht="15" customHeight="1">
      <c r="A44" s="20" t="s">
        <v>83</v>
      </c>
      <c r="B44" s="20"/>
      <c r="C44" s="16">
        <v>1046</v>
      </c>
      <c r="D44" s="22">
        <v>529</v>
      </c>
      <c r="E44" s="22">
        <v>517</v>
      </c>
      <c r="F44" s="22"/>
      <c r="G44" s="21" t="s">
        <v>84</v>
      </c>
      <c r="H44" s="20"/>
      <c r="I44" s="16">
        <v>1484</v>
      </c>
      <c r="J44" s="22">
        <v>638</v>
      </c>
      <c r="K44" s="22">
        <v>846</v>
      </c>
    </row>
    <row r="45" spans="1:11" ht="15" customHeight="1">
      <c r="A45" s="20" t="s">
        <v>85</v>
      </c>
      <c r="B45" s="20"/>
      <c r="C45" s="16">
        <v>1093</v>
      </c>
      <c r="D45" s="22">
        <v>546</v>
      </c>
      <c r="E45" s="22">
        <v>547</v>
      </c>
      <c r="F45" s="22"/>
      <c r="G45" s="21" t="s">
        <v>86</v>
      </c>
      <c r="H45" s="20"/>
      <c r="I45" s="16">
        <v>1279</v>
      </c>
      <c r="J45" s="22">
        <v>565</v>
      </c>
      <c r="K45" s="22">
        <v>714</v>
      </c>
    </row>
    <row r="46" spans="1:11" ht="15" customHeight="1">
      <c r="A46" s="20" t="s">
        <v>87</v>
      </c>
      <c r="B46" s="20"/>
      <c r="C46" s="16">
        <v>1119</v>
      </c>
      <c r="D46" s="22">
        <v>573</v>
      </c>
      <c r="E46" s="22">
        <v>546</v>
      </c>
      <c r="F46" s="22"/>
      <c r="G46" s="21" t="s">
        <v>88</v>
      </c>
      <c r="H46" s="20"/>
      <c r="I46" s="16">
        <v>1100</v>
      </c>
      <c r="J46" s="22">
        <v>518</v>
      </c>
      <c r="K46" s="22">
        <v>582</v>
      </c>
    </row>
    <row r="47" spans="1:11" ht="20.100000000000001" customHeight="1">
      <c r="A47" s="20" t="s">
        <v>89</v>
      </c>
      <c r="B47" s="20"/>
      <c r="C47" s="16">
        <v>5936</v>
      </c>
      <c r="D47" s="17">
        <v>3043</v>
      </c>
      <c r="E47" s="17">
        <v>2893</v>
      </c>
      <c r="F47" s="17"/>
      <c r="G47" s="21" t="s">
        <v>90</v>
      </c>
      <c r="H47" s="20"/>
      <c r="I47" s="16">
        <v>4374</v>
      </c>
      <c r="J47" s="17">
        <v>1974</v>
      </c>
      <c r="K47" s="17">
        <v>2400</v>
      </c>
    </row>
    <row r="48" spans="1:11" ht="15" customHeight="1">
      <c r="A48" s="20" t="s">
        <v>91</v>
      </c>
      <c r="B48" s="20"/>
      <c r="C48" s="16">
        <v>1170</v>
      </c>
      <c r="D48" s="22">
        <v>600</v>
      </c>
      <c r="E48" s="22">
        <v>570</v>
      </c>
      <c r="F48" s="22"/>
      <c r="G48" s="21" t="s">
        <v>92</v>
      </c>
      <c r="H48" s="20"/>
      <c r="I48" s="16">
        <v>1150</v>
      </c>
      <c r="J48" s="22">
        <v>565</v>
      </c>
      <c r="K48" s="22">
        <v>585</v>
      </c>
    </row>
    <row r="49" spans="1:11" ht="15" customHeight="1">
      <c r="A49" s="20" t="s">
        <v>93</v>
      </c>
      <c r="B49" s="20"/>
      <c r="C49" s="16">
        <v>1084</v>
      </c>
      <c r="D49" s="22">
        <v>578</v>
      </c>
      <c r="E49" s="22">
        <v>506</v>
      </c>
      <c r="F49" s="22"/>
      <c r="G49" s="21" t="s">
        <v>94</v>
      </c>
      <c r="H49" s="20"/>
      <c r="I49" s="16">
        <v>1019</v>
      </c>
      <c r="J49" s="22">
        <v>437</v>
      </c>
      <c r="K49" s="22">
        <v>582</v>
      </c>
    </row>
    <row r="50" spans="1:11" ht="15" customHeight="1">
      <c r="A50" s="20" t="s">
        <v>95</v>
      </c>
      <c r="B50" s="20"/>
      <c r="C50" s="16">
        <v>1187</v>
      </c>
      <c r="D50" s="22">
        <v>592</v>
      </c>
      <c r="E50" s="22">
        <v>595</v>
      </c>
      <c r="F50" s="22"/>
      <c r="G50" s="21" t="s">
        <v>96</v>
      </c>
      <c r="H50" s="20"/>
      <c r="I50" s="16">
        <v>902</v>
      </c>
      <c r="J50" s="22">
        <v>415</v>
      </c>
      <c r="K50" s="22">
        <v>487</v>
      </c>
    </row>
    <row r="51" spans="1:11" ht="15" customHeight="1">
      <c r="A51" s="20" t="s">
        <v>97</v>
      </c>
      <c r="B51" s="20"/>
      <c r="C51" s="16">
        <v>1203</v>
      </c>
      <c r="D51" s="22">
        <v>630</v>
      </c>
      <c r="E51" s="22">
        <v>573</v>
      </c>
      <c r="F51" s="22"/>
      <c r="G51" s="21" t="s">
        <v>98</v>
      </c>
      <c r="H51" s="20"/>
      <c r="I51" s="16">
        <v>743</v>
      </c>
      <c r="J51" s="22">
        <v>331</v>
      </c>
      <c r="K51" s="22">
        <v>412</v>
      </c>
    </row>
    <row r="52" spans="1:11" ht="15" customHeight="1">
      <c r="A52" s="20" t="s">
        <v>99</v>
      </c>
      <c r="B52" s="20"/>
      <c r="C52" s="16">
        <v>1292</v>
      </c>
      <c r="D52" s="22">
        <v>643</v>
      </c>
      <c r="E52" s="22">
        <v>649</v>
      </c>
      <c r="F52" s="22"/>
      <c r="G52" s="21" t="s">
        <v>100</v>
      </c>
      <c r="H52" s="20"/>
      <c r="I52" s="16">
        <v>560</v>
      </c>
      <c r="J52" s="22">
        <v>226</v>
      </c>
      <c r="K52" s="22">
        <v>334</v>
      </c>
    </row>
    <row r="53" spans="1:11" ht="20.100000000000001" customHeight="1">
      <c r="A53" s="20" t="s">
        <v>101</v>
      </c>
      <c r="B53" s="20"/>
      <c r="C53" s="16">
        <v>6987</v>
      </c>
      <c r="D53" s="17">
        <v>3482</v>
      </c>
      <c r="E53" s="17">
        <v>3505</v>
      </c>
      <c r="F53" s="17"/>
      <c r="G53" s="21" t="s">
        <v>102</v>
      </c>
      <c r="H53" s="20"/>
      <c r="I53" s="16">
        <v>1882</v>
      </c>
      <c r="J53" s="17">
        <v>636</v>
      </c>
      <c r="K53" s="17">
        <v>1246</v>
      </c>
    </row>
    <row r="54" spans="1:11" ht="15" customHeight="1">
      <c r="A54" s="20" t="s">
        <v>103</v>
      </c>
      <c r="B54" s="20"/>
      <c r="C54" s="16">
        <v>1282</v>
      </c>
      <c r="D54" s="22">
        <v>641</v>
      </c>
      <c r="E54" s="22">
        <v>641</v>
      </c>
      <c r="F54" s="22"/>
      <c r="G54" s="21" t="s">
        <v>104</v>
      </c>
      <c r="H54" s="20"/>
      <c r="I54" s="16">
        <v>571</v>
      </c>
      <c r="J54" s="22">
        <v>240</v>
      </c>
      <c r="K54" s="22">
        <v>331</v>
      </c>
    </row>
    <row r="55" spans="1:11" ht="15" customHeight="1">
      <c r="A55" s="20" t="s">
        <v>105</v>
      </c>
      <c r="B55" s="20"/>
      <c r="C55" s="16">
        <v>1365</v>
      </c>
      <c r="D55" s="22">
        <v>649</v>
      </c>
      <c r="E55" s="22">
        <v>716</v>
      </c>
      <c r="F55" s="22"/>
      <c r="G55" s="21" t="s">
        <v>106</v>
      </c>
      <c r="H55" s="20"/>
      <c r="I55" s="16">
        <v>458</v>
      </c>
      <c r="J55" s="22">
        <v>155</v>
      </c>
      <c r="K55" s="22">
        <v>303</v>
      </c>
    </row>
    <row r="56" spans="1:11" ht="15" customHeight="1">
      <c r="A56" s="20" t="s">
        <v>107</v>
      </c>
      <c r="B56" s="20"/>
      <c r="C56" s="16">
        <v>1337</v>
      </c>
      <c r="D56" s="22">
        <v>709</v>
      </c>
      <c r="E56" s="22">
        <v>628</v>
      </c>
      <c r="F56" s="22"/>
      <c r="G56" s="21" t="s">
        <v>108</v>
      </c>
      <c r="H56" s="20"/>
      <c r="I56" s="16">
        <v>319</v>
      </c>
      <c r="J56" s="22">
        <v>99</v>
      </c>
      <c r="K56" s="22">
        <v>220</v>
      </c>
    </row>
    <row r="57" spans="1:11" ht="15" customHeight="1">
      <c r="A57" s="20" t="s">
        <v>109</v>
      </c>
      <c r="B57" s="20"/>
      <c r="C57" s="16">
        <v>1474</v>
      </c>
      <c r="D57" s="22">
        <v>735</v>
      </c>
      <c r="E57" s="22">
        <v>739</v>
      </c>
      <c r="F57" s="22"/>
      <c r="G57" s="21" t="s">
        <v>110</v>
      </c>
      <c r="H57" s="20"/>
      <c r="I57" s="16">
        <v>287</v>
      </c>
      <c r="J57" s="22">
        <v>79</v>
      </c>
      <c r="K57" s="22">
        <v>208</v>
      </c>
    </row>
    <row r="58" spans="1:11" ht="15" customHeight="1">
      <c r="A58" s="20" t="s">
        <v>111</v>
      </c>
      <c r="B58" s="20"/>
      <c r="C58" s="16">
        <v>1529</v>
      </c>
      <c r="D58" s="22">
        <v>748</v>
      </c>
      <c r="E58" s="22">
        <v>781</v>
      </c>
      <c r="F58" s="22"/>
      <c r="G58" s="21" t="s">
        <v>112</v>
      </c>
      <c r="H58" s="20"/>
      <c r="I58" s="16">
        <v>247</v>
      </c>
      <c r="J58" s="22">
        <v>63</v>
      </c>
      <c r="K58" s="22">
        <v>184</v>
      </c>
    </row>
    <row r="59" spans="1:11" ht="20.100000000000001" customHeight="1">
      <c r="A59" s="20" t="s">
        <v>113</v>
      </c>
      <c r="B59" s="20"/>
      <c r="C59" s="16">
        <v>9328</v>
      </c>
      <c r="D59" s="17">
        <v>4666</v>
      </c>
      <c r="E59" s="17">
        <v>4662</v>
      </c>
      <c r="F59" s="17"/>
      <c r="G59" s="21" t="s">
        <v>114</v>
      </c>
      <c r="H59" s="20"/>
      <c r="I59" s="16">
        <v>526</v>
      </c>
      <c r="J59" s="17">
        <v>126</v>
      </c>
      <c r="K59" s="17">
        <v>400</v>
      </c>
    </row>
    <row r="60" spans="1:11" ht="15" customHeight="1">
      <c r="A60" s="20" t="s">
        <v>115</v>
      </c>
      <c r="B60" s="20"/>
      <c r="C60" s="16">
        <v>1619</v>
      </c>
      <c r="D60" s="22">
        <v>819</v>
      </c>
      <c r="E60" s="22">
        <v>800</v>
      </c>
      <c r="F60" s="22"/>
      <c r="G60" s="21" t="s">
        <v>116</v>
      </c>
      <c r="H60" s="20"/>
      <c r="I60" s="16">
        <v>152</v>
      </c>
      <c r="J60" s="22">
        <v>44</v>
      </c>
      <c r="K60" s="22">
        <v>108</v>
      </c>
    </row>
    <row r="61" spans="1:11" ht="15" customHeight="1">
      <c r="A61" s="20" t="s">
        <v>117</v>
      </c>
      <c r="B61" s="20"/>
      <c r="C61" s="16">
        <v>1656</v>
      </c>
      <c r="D61" s="22">
        <v>811</v>
      </c>
      <c r="E61" s="22">
        <v>845</v>
      </c>
      <c r="F61" s="22"/>
      <c r="G61" s="21" t="s">
        <v>118</v>
      </c>
      <c r="H61" s="20"/>
      <c r="I61" s="16">
        <v>148</v>
      </c>
      <c r="J61" s="22">
        <v>32</v>
      </c>
      <c r="K61" s="22">
        <v>116</v>
      </c>
    </row>
    <row r="62" spans="1:11" ht="15" customHeight="1">
      <c r="A62" s="20" t="s">
        <v>119</v>
      </c>
      <c r="B62" s="20"/>
      <c r="C62" s="16">
        <v>1845</v>
      </c>
      <c r="D62" s="22">
        <v>937</v>
      </c>
      <c r="E62" s="22">
        <v>908</v>
      </c>
      <c r="F62" s="22"/>
      <c r="G62" s="21" t="s">
        <v>120</v>
      </c>
      <c r="H62" s="20"/>
      <c r="I62" s="16">
        <v>112</v>
      </c>
      <c r="J62" s="22">
        <v>29</v>
      </c>
      <c r="K62" s="22">
        <v>83</v>
      </c>
    </row>
    <row r="63" spans="1:11" ht="15" customHeight="1">
      <c r="A63" s="20" t="s">
        <v>121</v>
      </c>
      <c r="B63" s="20"/>
      <c r="C63" s="16">
        <v>1998</v>
      </c>
      <c r="D63" s="22">
        <v>1008</v>
      </c>
      <c r="E63" s="22">
        <v>990</v>
      </c>
      <c r="F63" s="22"/>
      <c r="G63" s="21" t="s">
        <v>122</v>
      </c>
      <c r="H63" s="20"/>
      <c r="I63" s="16">
        <v>64</v>
      </c>
      <c r="J63" s="22">
        <v>9</v>
      </c>
      <c r="K63" s="22">
        <v>55</v>
      </c>
    </row>
    <row r="64" spans="1:11" ht="15" customHeight="1">
      <c r="A64" s="20" t="s">
        <v>123</v>
      </c>
      <c r="B64" s="20"/>
      <c r="C64" s="16">
        <v>2210</v>
      </c>
      <c r="D64" s="22">
        <v>1091</v>
      </c>
      <c r="E64" s="22">
        <v>1119</v>
      </c>
      <c r="F64" s="22"/>
      <c r="G64" s="21" t="s">
        <v>124</v>
      </c>
      <c r="H64" s="20"/>
      <c r="I64" s="16">
        <v>50</v>
      </c>
      <c r="J64" s="22">
        <v>12</v>
      </c>
      <c r="K64" s="22">
        <v>38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66</v>
      </c>
      <c r="J65" s="22">
        <v>4</v>
      </c>
      <c r="K65" s="22">
        <v>62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977</v>
      </c>
      <c r="J66" s="32">
        <v>1243</v>
      </c>
      <c r="K66" s="32">
        <v>734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75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51417</v>
      </c>
      <c r="D4" s="17">
        <v>73211</v>
      </c>
      <c r="E4" s="17">
        <v>78206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5185</v>
      </c>
      <c r="D5" s="17">
        <v>2596</v>
      </c>
      <c r="E5" s="17">
        <v>2589</v>
      </c>
      <c r="F5" s="17"/>
      <c r="G5" s="21" t="s">
        <v>6</v>
      </c>
      <c r="H5" s="20"/>
      <c r="I5" s="16">
        <v>12829</v>
      </c>
      <c r="J5" s="17">
        <v>6415</v>
      </c>
      <c r="K5" s="17">
        <v>6414</v>
      </c>
    </row>
    <row r="6" spans="1:11" ht="15" customHeight="1">
      <c r="A6" s="20" t="s">
        <v>7</v>
      </c>
      <c r="B6" s="20"/>
      <c r="C6" s="16">
        <v>998</v>
      </c>
      <c r="D6" s="22">
        <v>470</v>
      </c>
      <c r="E6" s="22">
        <v>528</v>
      </c>
      <c r="F6" s="22"/>
      <c r="G6" s="21" t="s">
        <v>8</v>
      </c>
      <c r="H6" s="20"/>
      <c r="I6" s="16">
        <v>2576</v>
      </c>
      <c r="J6" s="22">
        <v>1272</v>
      </c>
      <c r="K6" s="22">
        <v>1304</v>
      </c>
    </row>
    <row r="7" spans="1:11" ht="15" customHeight="1">
      <c r="A7" s="20" t="s">
        <v>9</v>
      </c>
      <c r="B7" s="20"/>
      <c r="C7" s="16">
        <v>993</v>
      </c>
      <c r="D7" s="22">
        <v>489</v>
      </c>
      <c r="E7" s="22">
        <v>504</v>
      </c>
      <c r="F7" s="22"/>
      <c r="G7" s="21" t="s">
        <v>10</v>
      </c>
      <c r="H7" s="20"/>
      <c r="I7" s="16">
        <v>2632</v>
      </c>
      <c r="J7" s="22">
        <v>1312</v>
      </c>
      <c r="K7" s="22">
        <v>1320</v>
      </c>
    </row>
    <row r="8" spans="1:11" ht="15" customHeight="1">
      <c r="A8" s="20" t="s">
        <v>11</v>
      </c>
      <c r="B8" s="20"/>
      <c r="C8" s="16">
        <v>996</v>
      </c>
      <c r="D8" s="22">
        <v>528</v>
      </c>
      <c r="E8" s="22">
        <v>468</v>
      </c>
      <c r="F8" s="22"/>
      <c r="G8" s="21" t="s">
        <v>12</v>
      </c>
      <c r="H8" s="20"/>
      <c r="I8" s="16">
        <v>2591</v>
      </c>
      <c r="J8" s="22">
        <v>1283</v>
      </c>
      <c r="K8" s="22">
        <v>1308</v>
      </c>
    </row>
    <row r="9" spans="1:11" ht="15" customHeight="1">
      <c r="A9" s="20" t="s">
        <v>13</v>
      </c>
      <c r="B9" s="20"/>
      <c r="C9" s="16">
        <v>1071</v>
      </c>
      <c r="D9" s="22">
        <v>541</v>
      </c>
      <c r="E9" s="22">
        <v>530</v>
      </c>
      <c r="F9" s="22"/>
      <c r="G9" s="21" t="s">
        <v>14</v>
      </c>
      <c r="H9" s="20"/>
      <c r="I9" s="16">
        <v>2448</v>
      </c>
      <c r="J9" s="22">
        <v>1219</v>
      </c>
      <c r="K9" s="22">
        <v>1229</v>
      </c>
    </row>
    <row r="10" spans="1:11" ht="15" customHeight="1">
      <c r="A10" s="20" t="s">
        <v>15</v>
      </c>
      <c r="B10" s="20"/>
      <c r="C10" s="16">
        <v>1127</v>
      </c>
      <c r="D10" s="22">
        <v>568</v>
      </c>
      <c r="E10" s="22">
        <v>559</v>
      </c>
      <c r="F10" s="22"/>
      <c r="G10" s="21" t="s">
        <v>16</v>
      </c>
      <c r="H10" s="20"/>
      <c r="I10" s="16">
        <v>2582</v>
      </c>
      <c r="J10" s="22">
        <v>1329</v>
      </c>
      <c r="K10" s="22">
        <v>1253</v>
      </c>
    </row>
    <row r="11" spans="1:11" ht="20.100000000000001" customHeight="1">
      <c r="A11" s="20" t="s">
        <v>17</v>
      </c>
      <c r="B11" s="20"/>
      <c r="C11" s="16">
        <v>5546</v>
      </c>
      <c r="D11" s="17">
        <v>2880</v>
      </c>
      <c r="E11" s="17">
        <v>2666</v>
      </c>
      <c r="F11" s="17"/>
      <c r="G11" s="21" t="s">
        <v>18</v>
      </c>
      <c r="H11" s="20"/>
      <c r="I11" s="16">
        <v>10898</v>
      </c>
      <c r="J11" s="17">
        <v>5505</v>
      </c>
      <c r="K11" s="17">
        <v>5393</v>
      </c>
    </row>
    <row r="12" spans="1:11" ht="15" customHeight="1">
      <c r="A12" s="20" t="s">
        <v>19</v>
      </c>
      <c r="B12" s="20"/>
      <c r="C12" s="16">
        <v>1073</v>
      </c>
      <c r="D12" s="22">
        <v>533</v>
      </c>
      <c r="E12" s="22">
        <v>540</v>
      </c>
      <c r="F12" s="22"/>
      <c r="G12" s="21" t="s">
        <v>20</v>
      </c>
      <c r="H12" s="20"/>
      <c r="I12" s="16">
        <v>2607</v>
      </c>
      <c r="J12" s="22">
        <v>1345</v>
      </c>
      <c r="K12" s="22">
        <v>1262</v>
      </c>
    </row>
    <row r="13" spans="1:11" ht="15" customHeight="1">
      <c r="A13" s="20" t="s">
        <v>21</v>
      </c>
      <c r="B13" s="20"/>
      <c r="C13" s="16">
        <v>1048</v>
      </c>
      <c r="D13" s="22">
        <v>553</v>
      </c>
      <c r="E13" s="22">
        <v>495</v>
      </c>
      <c r="F13" s="22"/>
      <c r="G13" s="21" t="s">
        <v>22</v>
      </c>
      <c r="H13" s="20"/>
      <c r="I13" s="16">
        <v>1863</v>
      </c>
      <c r="J13" s="22">
        <v>927</v>
      </c>
      <c r="K13" s="22">
        <v>936</v>
      </c>
    </row>
    <row r="14" spans="1:11" ht="15" customHeight="1">
      <c r="A14" s="20" t="s">
        <v>23</v>
      </c>
      <c r="B14" s="20"/>
      <c r="C14" s="16">
        <v>1181</v>
      </c>
      <c r="D14" s="22">
        <v>606</v>
      </c>
      <c r="E14" s="22">
        <v>575</v>
      </c>
      <c r="F14" s="22"/>
      <c r="G14" s="21" t="s">
        <v>24</v>
      </c>
      <c r="H14" s="20"/>
      <c r="I14" s="16">
        <v>2358</v>
      </c>
      <c r="J14" s="22">
        <v>1217</v>
      </c>
      <c r="K14" s="22">
        <v>1141</v>
      </c>
    </row>
    <row r="15" spans="1:11" ht="15" customHeight="1">
      <c r="A15" s="20" t="s">
        <v>25</v>
      </c>
      <c r="B15" s="20"/>
      <c r="C15" s="16">
        <v>1128</v>
      </c>
      <c r="D15" s="22">
        <v>605</v>
      </c>
      <c r="E15" s="22">
        <v>523</v>
      </c>
      <c r="F15" s="22"/>
      <c r="G15" s="21" t="s">
        <v>26</v>
      </c>
      <c r="H15" s="20"/>
      <c r="I15" s="16">
        <v>2138</v>
      </c>
      <c r="J15" s="22">
        <v>1060</v>
      </c>
      <c r="K15" s="22">
        <v>1078</v>
      </c>
    </row>
    <row r="16" spans="1:11" ht="15" customHeight="1">
      <c r="A16" s="20" t="s">
        <v>27</v>
      </c>
      <c r="B16" s="20"/>
      <c r="C16" s="16">
        <v>1116</v>
      </c>
      <c r="D16" s="22">
        <v>583</v>
      </c>
      <c r="E16" s="22">
        <v>533</v>
      </c>
      <c r="F16" s="22"/>
      <c r="G16" s="21" t="s">
        <v>28</v>
      </c>
      <c r="H16" s="20"/>
      <c r="I16" s="16">
        <v>1932</v>
      </c>
      <c r="J16" s="22">
        <v>956</v>
      </c>
      <c r="K16" s="22">
        <v>976</v>
      </c>
    </row>
    <row r="17" spans="1:11" ht="20.100000000000001" customHeight="1">
      <c r="A17" s="24" t="s">
        <v>29</v>
      </c>
      <c r="B17" s="24"/>
      <c r="C17" s="16">
        <v>6414</v>
      </c>
      <c r="D17" s="17">
        <v>3261</v>
      </c>
      <c r="E17" s="17">
        <v>3153</v>
      </c>
      <c r="F17" s="17"/>
      <c r="G17" s="21" t="s">
        <v>30</v>
      </c>
      <c r="H17" s="20"/>
      <c r="I17" s="16">
        <v>8837</v>
      </c>
      <c r="J17" s="17">
        <v>4468</v>
      </c>
      <c r="K17" s="17">
        <v>4369</v>
      </c>
    </row>
    <row r="18" spans="1:11" ht="15" customHeight="1">
      <c r="A18" s="20" t="s">
        <v>31</v>
      </c>
      <c r="B18" s="20"/>
      <c r="C18" s="16">
        <v>1257</v>
      </c>
      <c r="D18" s="22">
        <v>637</v>
      </c>
      <c r="E18" s="22">
        <v>620</v>
      </c>
      <c r="F18" s="22"/>
      <c r="G18" s="21" t="s">
        <v>32</v>
      </c>
      <c r="H18" s="20"/>
      <c r="I18" s="16">
        <v>1890</v>
      </c>
      <c r="J18" s="22">
        <v>955</v>
      </c>
      <c r="K18" s="22">
        <v>935</v>
      </c>
    </row>
    <row r="19" spans="1:11" ht="15" customHeight="1">
      <c r="A19" s="20" t="s">
        <v>33</v>
      </c>
      <c r="B19" s="20"/>
      <c r="C19" s="16">
        <v>1204</v>
      </c>
      <c r="D19" s="22">
        <v>623</v>
      </c>
      <c r="E19" s="22">
        <v>581</v>
      </c>
      <c r="F19" s="22"/>
      <c r="G19" s="21" t="s">
        <v>34</v>
      </c>
      <c r="H19" s="20"/>
      <c r="I19" s="16">
        <v>1810</v>
      </c>
      <c r="J19" s="22">
        <v>915</v>
      </c>
      <c r="K19" s="22">
        <v>895</v>
      </c>
    </row>
    <row r="20" spans="1:11" ht="15" customHeight="1">
      <c r="A20" s="20" t="s">
        <v>35</v>
      </c>
      <c r="B20" s="20"/>
      <c r="C20" s="16">
        <v>1278</v>
      </c>
      <c r="D20" s="22">
        <v>641</v>
      </c>
      <c r="E20" s="22">
        <v>637</v>
      </c>
      <c r="F20" s="22"/>
      <c r="G20" s="21" t="s">
        <v>36</v>
      </c>
      <c r="H20" s="20"/>
      <c r="I20" s="16">
        <v>1781</v>
      </c>
      <c r="J20" s="22">
        <v>897</v>
      </c>
      <c r="K20" s="22">
        <v>884</v>
      </c>
    </row>
    <row r="21" spans="1:11" ht="15" customHeight="1">
      <c r="A21" s="20" t="s">
        <v>37</v>
      </c>
      <c r="B21" s="20"/>
      <c r="C21" s="16">
        <v>1316</v>
      </c>
      <c r="D21" s="22">
        <v>671</v>
      </c>
      <c r="E21" s="22">
        <v>645</v>
      </c>
      <c r="F21" s="22"/>
      <c r="G21" s="21" t="s">
        <v>38</v>
      </c>
      <c r="H21" s="20"/>
      <c r="I21" s="16">
        <v>1667</v>
      </c>
      <c r="J21" s="22">
        <v>836</v>
      </c>
      <c r="K21" s="22">
        <v>831</v>
      </c>
    </row>
    <row r="22" spans="1:11" ht="15" customHeight="1">
      <c r="A22" s="20" t="s">
        <v>39</v>
      </c>
      <c r="B22" s="20"/>
      <c r="C22" s="16">
        <v>1359</v>
      </c>
      <c r="D22" s="22">
        <v>689</v>
      </c>
      <c r="E22" s="22">
        <v>670</v>
      </c>
      <c r="F22" s="22"/>
      <c r="G22" s="21" t="s">
        <v>40</v>
      </c>
      <c r="H22" s="20"/>
      <c r="I22" s="16">
        <v>1689</v>
      </c>
      <c r="J22" s="22">
        <v>865</v>
      </c>
      <c r="K22" s="22">
        <v>824</v>
      </c>
    </row>
    <row r="23" spans="1:11" ht="20.100000000000001" customHeight="1">
      <c r="A23" s="20" t="s">
        <v>41</v>
      </c>
      <c r="B23" s="20"/>
      <c r="C23" s="16">
        <v>7022</v>
      </c>
      <c r="D23" s="17">
        <v>3698</v>
      </c>
      <c r="E23" s="17">
        <v>3324</v>
      </c>
      <c r="F23" s="17"/>
      <c r="G23" s="21" t="s">
        <v>42</v>
      </c>
      <c r="H23" s="20"/>
      <c r="I23" s="16">
        <v>8133</v>
      </c>
      <c r="J23" s="17">
        <v>3974</v>
      </c>
      <c r="K23" s="17">
        <v>4159</v>
      </c>
    </row>
    <row r="24" spans="1:11" ht="15" customHeight="1">
      <c r="A24" s="20" t="s">
        <v>43</v>
      </c>
      <c r="B24" s="20"/>
      <c r="C24" s="16">
        <v>1413</v>
      </c>
      <c r="D24" s="22">
        <v>753</v>
      </c>
      <c r="E24" s="22">
        <v>660</v>
      </c>
      <c r="F24" s="22"/>
      <c r="G24" s="21" t="s">
        <v>44</v>
      </c>
      <c r="H24" s="20"/>
      <c r="I24" s="16">
        <v>1578</v>
      </c>
      <c r="J24" s="22">
        <v>791</v>
      </c>
      <c r="K24" s="22">
        <v>787</v>
      </c>
    </row>
    <row r="25" spans="1:11" ht="15" customHeight="1">
      <c r="A25" s="20" t="s">
        <v>45</v>
      </c>
      <c r="B25" s="20"/>
      <c r="C25" s="16">
        <v>1400</v>
      </c>
      <c r="D25" s="22">
        <v>752</v>
      </c>
      <c r="E25" s="22">
        <v>648</v>
      </c>
      <c r="F25" s="22"/>
      <c r="G25" s="21" t="s">
        <v>46</v>
      </c>
      <c r="H25" s="20"/>
      <c r="I25" s="16">
        <v>1583</v>
      </c>
      <c r="J25" s="22">
        <v>795</v>
      </c>
      <c r="K25" s="22">
        <v>788</v>
      </c>
    </row>
    <row r="26" spans="1:11" ht="15" customHeight="1">
      <c r="A26" s="20" t="s">
        <v>47</v>
      </c>
      <c r="B26" s="20"/>
      <c r="C26" s="16">
        <v>1314</v>
      </c>
      <c r="D26" s="22">
        <v>673</v>
      </c>
      <c r="E26" s="22">
        <v>641</v>
      </c>
      <c r="F26" s="22"/>
      <c r="G26" s="21" t="s">
        <v>48</v>
      </c>
      <c r="H26" s="20"/>
      <c r="I26" s="16">
        <v>1613</v>
      </c>
      <c r="J26" s="22">
        <v>772</v>
      </c>
      <c r="K26" s="22">
        <v>841</v>
      </c>
    </row>
    <row r="27" spans="1:11" ht="15" customHeight="1">
      <c r="A27" s="20" t="s">
        <v>49</v>
      </c>
      <c r="B27" s="20"/>
      <c r="C27" s="16">
        <v>1427</v>
      </c>
      <c r="D27" s="22">
        <v>748</v>
      </c>
      <c r="E27" s="22">
        <v>679</v>
      </c>
      <c r="F27" s="22"/>
      <c r="G27" s="21" t="s">
        <v>50</v>
      </c>
      <c r="H27" s="20"/>
      <c r="I27" s="16">
        <v>1678</v>
      </c>
      <c r="J27" s="22">
        <v>797</v>
      </c>
      <c r="K27" s="22">
        <v>881</v>
      </c>
    </row>
    <row r="28" spans="1:11" ht="15" customHeight="1">
      <c r="A28" s="20" t="s">
        <v>51</v>
      </c>
      <c r="B28" s="20"/>
      <c r="C28" s="16">
        <v>1468</v>
      </c>
      <c r="D28" s="22">
        <v>772</v>
      </c>
      <c r="E28" s="22">
        <v>696</v>
      </c>
      <c r="F28" s="22"/>
      <c r="G28" s="21" t="s">
        <v>52</v>
      </c>
      <c r="H28" s="20"/>
      <c r="I28" s="16">
        <v>1681</v>
      </c>
      <c r="J28" s="22">
        <v>819</v>
      </c>
      <c r="K28" s="22">
        <v>862</v>
      </c>
    </row>
    <row r="29" spans="1:11" ht="20.100000000000001" customHeight="1">
      <c r="A29" s="20" t="s">
        <v>53</v>
      </c>
      <c r="B29" s="20"/>
      <c r="C29" s="16">
        <v>7289</v>
      </c>
      <c r="D29" s="17">
        <v>3542</v>
      </c>
      <c r="E29" s="17">
        <v>3747</v>
      </c>
      <c r="F29" s="17"/>
      <c r="G29" s="21" t="s">
        <v>54</v>
      </c>
      <c r="H29" s="20"/>
      <c r="I29" s="16">
        <v>10607</v>
      </c>
      <c r="J29" s="17">
        <v>4931</v>
      </c>
      <c r="K29" s="17">
        <v>5676</v>
      </c>
    </row>
    <row r="30" spans="1:11" ht="15" customHeight="1">
      <c r="A30" s="20" t="s">
        <v>55</v>
      </c>
      <c r="B30" s="20"/>
      <c r="C30" s="16">
        <v>1464</v>
      </c>
      <c r="D30" s="22">
        <v>714</v>
      </c>
      <c r="E30" s="22">
        <v>750</v>
      </c>
      <c r="F30" s="22"/>
      <c r="G30" s="21" t="s">
        <v>56</v>
      </c>
      <c r="H30" s="20"/>
      <c r="I30" s="16">
        <v>1890</v>
      </c>
      <c r="J30" s="22">
        <v>928</v>
      </c>
      <c r="K30" s="22">
        <v>962</v>
      </c>
    </row>
    <row r="31" spans="1:11" ht="15" customHeight="1">
      <c r="A31" s="20" t="s">
        <v>57</v>
      </c>
      <c r="B31" s="20"/>
      <c r="C31" s="16">
        <v>1504</v>
      </c>
      <c r="D31" s="22">
        <v>725</v>
      </c>
      <c r="E31" s="22">
        <v>779</v>
      </c>
      <c r="F31" s="22"/>
      <c r="G31" s="21" t="s">
        <v>58</v>
      </c>
      <c r="H31" s="20"/>
      <c r="I31" s="16">
        <v>1898</v>
      </c>
      <c r="J31" s="22">
        <v>921</v>
      </c>
      <c r="K31" s="22">
        <v>977</v>
      </c>
    </row>
    <row r="32" spans="1:11" ht="15" customHeight="1">
      <c r="A32" s="20" t="s">
        <v>59</v>
      </c>
      <c r="B32" s="20"/>
      <c r="C32" s="16">
        <v>1465</v>
      </c>
      <c r="D32" s="22">
        <v>690</v>
      </c>
      <c r="E32" s="22">
        <v>775</v>
      </c>
      <c r="F32" s="22"/>
      <c r="G32" s="21" t="s">
        <v>60</v>
      </c>
      <c r="H32" s="20"/>
      <c r="I32" s="16">
        <v>2067</v>
      </c>
      <c r="J32" s="22">
        <v>940</v>
      </c>
      <c r="K32" s="22">
        <v>1127</v>
      </c>
    </row>
    <row r="33" spans="1:11" ht="15" customHeight="1">
      <c r="A33" s="20" t="s">
        <v>61</v>
      </c>
      <c r="B33" s="20"/>
      <c r="C33" s="16">
        <v>1385</v>
      </c>
      <c r="D33" s="22">
        <v>696</v>
      </c>
      <c r="E33" s="22">
        <v>689</v>
      </c>
      <c r="F33" s="22"/>
      <c r="G33" s="21" t="s">
        <v>62</v>
      </c>
      <c r="H33" s="20"/>
      <c r="I33" s="16">
        <v>2415</v>
      </c>
      <c r="J33" s="22">
        <v>1121</v>
      </c>
      <c r="K33" s="22">
        <v>1294</v>
      </c>
    </row>
    <row r="34" spans="1:11" ht="15" customHeight="1">
      <c r="A34" s="20" t="s">
        <v>63</v>
      </c>
      <c r="B34" s="20"/>
      <c r="C34" s="16">
        <v>1471</v>
      </c>
      <c r="D34" s="22">
        <v>717</v>
      </c>
      <c r="E34" s="22">
        <v>754</v>
      </c>
      <c r="F34" s="22"/>
      <c r="G34" s="21" t="s">
        <v>64</v>
      </c>
      <c r="H34" s="20"/>
      <c r="I34" s="16">
        <v>2337</v>
      </c>
      <c r="J34" s="22">
        <v>1021</v>
      </c>
      <c r="K34" s="22">
        <v>1316</v>
      </c>
    </row>
    <row r="35" spans="1:11" ht="20.100000000000001" customHeight="1">
      <c r="A35" s="20" t="s">
        <v>65</v>
      </c>
      <c r="B35" s="20"/>
      <c r="C35" s="16">
        <v>6858</v>
      </c>
      <c r="D35" s="17">
        <v>3338</v>
      </c>
      <c r="E35" s="17">
        <v>3520</v>
      </c>
      <c r="F35" s="17"/>
      <c r="G35" s="21" t="s">
        <v>66</v>
      </c>
      <c r="H35" s="20"/>
      <c r="I35" s="16">
        <v>9338</v>
      </c>
      <c r="J35" s="17">
        <v>4250</v>
      </c>
      <c r="K35" s="17">
        <v>5088</v>
      </c>
    </row>
    <row r="36" spans="1:11" ht="15" customHeight="1">
      <c r="A36" s="20" t="s">
        <v>67</v>
      </c>
      <c r="B36" s="20"/>
      <c r="C36" s="16">
        <v>1367</v>
      </c>
      <c r="D36" s="22">
        <v>652</v>
      </c>
      <c r="E36" s="22">
        <v>715</v>
      </c>
      <c r="F36" s="22"/>
      <c r="G36" s="21" t="s">
        <v>68</v>
      </c>
      <c r="H36" s="20"/>
      <c r="I36" s="16">
        <v>2386</v>
      </c>
      <c r="J36" s="22">
        <v>1140</v>
      </c>
      <c r="K36" s="22">
        <v>1246</v>
      </c>
    </row>
    <row r="37" spans="1:11" ht="15" customHeight="1">
      <c r="A37" s="20" t="s">
        <v>69</v>
      </c>
      <c r="B37" s="20"/>
      <c r="C37" s="16">
        <v>1348</v>
      </c>
      <c r="D37" s="22">
        <v>667</v>
      </c>
      <c r="E37" s="22">
        <v>681</v>
      </c>
      <c r="F37" s="22"/>
      <c r="G37" s="21" t="s">
        <v>70</v>
      </c>
      <c r="H37" s="20"/>
      <c r="I37" s="16">
        <v>1596</v>
      </c>
      <c r="J37" s="22">
        <v>750</v>
      </c>
      <c r="K37" s="22">
        <v>846</v>
      </c>
    </row>
    <row r="38" spans="1:11" ht="15" customHeight="1">
      <c r="A38" s="20" t="s">
        <v>71</v>
      </c>
      <c r="B38" s="20"/>
      <c r="C38" s="16">
        <v>1380</v>
      </c>
      <c r="D38" s="22">
        <v>685</v>
      </c>
      <c r="E38" s="22">
        <v>695</v>
      </c>
      <c r="F38" s="22"/>
      <c r="G38" s="21" t="s">
        <v>72</v>
      </c>
      <c r="H38" s="20"/>
      <c r="I38" s="16">
        <v>1493</v>
      </c>
      <c r="J38" s="22">
        <v>676</v>
      </c>
      <c r="K38" s="22">
        <v>817</v>
      </c>
    </row>
    <row r="39" spans="1:11" ht="15" customHeight="1">
      <c r="A39" s="20" t="s">
        <v>73</v>
      </c>
      <c r="B39" s="20"/>
      <c r="C39" s="16">
        <v>1454</v>
      </c>
      <c r="D39" s="22">
        <v>696</v>
      </c>
      <c r="E39" s="22">
        <v>758</v>
      </c>
      <c r="F39" s="22"/>
      <c r="G39" s="21" t="s">
        <v>74</v>
      </c>
      <c r="H39" s="20"/>
      <c r="I39" s="16">
        <v>1876</v>
      </c>
      <c r="J39" s="22">
        <v>845</v>
      </c>
      <c r="K39" s="22">
        <v>1031</v>
      </c>
    </row>
    <row r="40" spans="1:11" ht="15" customHeight="1">
      <c r="A40" s="20" t="s">
        <v>75</v>
      </c>
      <c r="B40" s="20"/>
      <c r="C40" s="16">
        <v>1309</v>
      </c>
      <c r="D40" s="22">
        <v>638</v>
      </c>
      <c r="E40" s="22">
        <v>671</v>
      </c>
      <c r="F40" s="22"/>
      <c r="G40" s="21" t="s">
        <v>76</v>
      </c>
      <c r="H40" s="20"/>
      <c r="I40" s="16">
        <v>1987</v>
      </c>
      <c r="J40" s="22">
        <v>839</v>
      </c>
      <c r="K40" s="22">
        <v>1148</v>
      </c>
    </row>
    <row r="41" spans="1:11" ht="20.100000000000001" customHeight="1">
      <c r="A41" s="20" t="s">
        <v>77</v>
      </c>
      <c r="B41" s="20"/>
      <c r="C41" s="16">
        <v>6754</v>
      </c>
      <c r="D41" s="17">
        <v>3392</v>
      </c>
      <c r="E41" s="17">
        <v>3362</v>
      </c>
      <c r="F41" s="17"/>
      <c r="G41" s="21" t="s">
        <v>78</v>
      </c>
      <c r="H41" s="20"/>
      <c r="I41" s="16">
        <v>7943</v>
      </c>
      <c r="J41" s="17">
        <v>3427</v>
      </c>
      <c r="K41" s="17">
        <v>4516</v>
      </c>
    </row>
    <row r="42" spans="1:11" ht="15" customHeight="1">
      <c r="A42" s="20" t="s">
        <v>79</v>
      </c>
      <c r="B42" s="20"/>
      <c r="C42" s="16">
        <v>1349</v>
      </c>
      <c r="D42" s="22">
        <v>692</v>
      </c>
      <c r="E42" s="22">
        <v>657</v>
      </c>
      <c r="F42" s="22"/>
      <c r="G42" s="21" t="s">
        <v>80</v>
      </c>
      <c r="H42" s="20"/>
      <c r="I42" s="16">
        <v>1840</v>
      </c>
      <c r="J42" s="22">
        <v>812</v>
      </c>
      <c r="K42" s="22">
        <v>1028</v>
      </c>
    </row>
    <row r="43" spans="1:11" ht="15" customHeight="1">
      <c r="A43" s="20" t="s">
        <v>81</v>
      </c>
      <c r="B43" s="20"/>
      <c r="C43" s="16">
        <v>1283</v>
      </c>
      <c r="D43" s="22">
        <v>650</v>
      </c>
      <c r="E43" s="22">
        <v>633</v>
      </c>
      <c r="F43" s="22"/>
      <c r="G43" s="21" t="s">
        <v>82</v>
      </c>
      <c r="H43" s="20"/>
      <c r="I43" s="16">
        <v>1818</v>
      </c>
      <c r="J43" s="22">
        <v>782</v>
      </c>
      <c r="K43" s="22">
        <v>1036</v>
      </c>
    </row>
    <row r="44" spans="1:11" ht="15" customHeight="1">
      <c r="A44" s="20" t="s">
        <v>83</v>
      </c>
      <c r="B44" s="20"/>
      <c r="C44" s="16">
        <v>1354</v>
      </c>
      <c r="D44" s="22">
        <v>684</v>
      </c>
      <c r="E44" s="22">
        <v>670</v>
      </c>
      <c r="F44" s="22"/>
      <c r="G44" s="21" t="s">
        <v>84</v>
      </c>
      <c r="H44" s="20"/>
      <c r="I44" s="16">
        <v>1616</v>
      </c>
      <c r="J44" s="22">
        <v>711</v>
      </c>
      <c r="K44" s="22">
        <v>905</v>
      </c>
    </row>
    <row r="45" spans="1:11" ht="15" customHeight="1">
      <c r="A45" s="20" t="s">
        <v>85</v>
      </c>
      <c r="B45" s="20"/>
      <c r="C45" s="16">
        <v>1321</v>
      </c>
      <c r="D45" s="22">
        <v>639</v>
      </c>
      <c r="E45" s="22">
        <v>682</v>
      </c>
      <c r="F45" s="22"/>
      <c r="G45" s="21" t="s">
        <v>86</v>
      </c>
      <c r="H45" s="20"/>
      <c r="I45" s="16">
        <v>1399</v>
      </c>
      <c r="J45" s="22">
        <v>566</v>
      </c>
      <c r="K45" s="22">
        <v>833</v>
      </c>
    </row>
    <row r="46" spans="1:11" ht="15" customHeight="1">
      <c r="A46" s="20" t="s">
        <v>87</v>
      </c>
      <c r="B46" s="20"/>
      <c r="C46" s="16">
        <v>1447</v>
      </c>
      <c r="D46" s="22">
        <v>727</v>
      </c>
      <c r="E46" s="22">
        <v>720</v>
      </c>
      <c r="F46" s="22"/>
      <c r="G46" s="21" t="s">
        <v>88</v>
      </c>
      <c r="H46" s="20"/>
      <c r="I46" s="16">
        <v>1270</v>
      </c>
      <c r="J46" s="22">
        <v>556</v>
      </c>
      <c r="K46" s="22">
        <v>714</v>
      </c>
    </row>
    <row r="47" spans="1:11" ht="20.100000000000001" customHeight="1">
      <c r="A47" s="20" t="s">
        <v>89</v>
      </c>
      <c r="B47" s="20"/>
      <c r="C47" s="16">
        <v>7585</v>
      </c>
      <c r="D47" s="17">
        <v>3798</v>
      </c>
      <c r="E47" s="17">
        <v>3787</v>
      </c>
      <c r="F47" s="17"/>
      <c r="G47" s="21" t="s">
        <v>90</v>
      </c>
      <c r="H47" s="20"/>
      <c r="I47" s="16">
        <v>5235</v>
      </c>
      <c r="J47" s="17">
        <v>2048</v>
      </c>
      <c r="K47" s="17">
        <v>3187</v>
      </c>
    </row>
    <row r="48" spans="1:11" ht="15" customHeight="1">
      <c r="A48" s="20" t="s">
        <v>91</v>
      </c>
      <c r="B48" s="20"/>
      <c r="C48" s="16">
        <v>1411</v>
      </c>
      <c r="D48" s="22">
        <v>711</v>
      </c>
      <c r="E48" s="22">
        <v>700</v>
      </c>
      <c r="F48" s="22"/>
      <c r="G48" s="21" t="s">
        <v>92</v>
      </c>
      <c r="H48" s="20"/>
      <c r="I48" s="16">
        <v>1334</v>
      </c>
      <c r="J48" s="22">
        <v>559</v>
      </c>
      <c r="K48" s="22">
        <v>775</v>
      </c>
    </row>
    <row r="49" spans="1:11" ht="15" customHeight="1">
      <c r="A49" s="20" t="s">
        <v>93</v>
      </c>
      <c r="B49" s="20"/>
      <c r="C49" s="16">
        <v>1455</v>
      </c>
      <c r="D49" s="22">
        <v>702</v>
      </c>
      <c r="E49" s="22">
        <v>753</v>
      </c>
      <c r="F49" s="22"/>
      <c r="G49" s="21" t="s">
        <v>94</v>
      </c>
      <c r="H49" s="20"/>
      <c r="I49" s="16">
        <v>1112</v>
      </c>
      <c r="J49" s="22">
        <v>436</v>
      </c>
      <c r="K49" s="22">
        <v>676</v>
      </c>
    </row>
    <row r="50" spans="1:11" ht="15" customHeight="1">
      <c r="A50" s="20" t="s">
        <v>95</v>
      </c>
      <c r="B50" s="20"/>
      <c r="C50" s="16">
        <v>1508</v>
      </c>
      <c r="D50" s="22">
        <v>767</v>
      </c>
      <c r="E50" s="22">
        <v>741</v>
      </c>
      <c r="F50" s="22"/>
      <c r="G50" s="21" t="s">
        <v>96</v>
      </c>
      <c r="H50" s="20"/>
      <c r="I50" s="16">
        <v>1078</v>
      </c>
      <c r="J50" s="22">
        <v>447</v>
      </c>
      <c r="K50" s="22">
        <v>631</v>
      </c>
    </row>
    <row r="51" spans="1:11" ht="15" customHeight="1">
      <c r="A51" s="20" t="s">
        <v>97</v>
      </c>
      <c r="B51" s="20"/>
      <c r="C51" s="16">
        <v>1596</v>
      </c>
      <c r="D51" s="22">
        <v>791</v>
      </c>
      <c r="E51" s="22">
        <v>805</v>
      </c>
      <c r="F51" s="22"/>
      <c r="G51" s="21" t="s">
        <v>98</v>
      </c>
      <c r="H51" s="20"/>
      <c r="I51" s="16">
        <v>896</v>
      </c>
      <c r="J51" s="22">
        <v>334</v>
      </c>
      <c r="K51" s="22">
        <v>562</v>
      </c>
    </row>
    <row r="52" spans="1:11" ht="15" customHeight="1">
      <c r="A52" s="20" t="s">
        <v>99</v>
      </c>
      <c r="B52" s="20"/>
      <c r="C52" s="16">
        <v>1615</v>
      </c>
      <c r="D52" s="22">
        <v>827</v>
      </c>
      <c r="E52" s="22">
        <v>788</v>
      </c>
      <c r="F52" s="22"/>
      <c r="G52" s="21" t="s">
        <v>100</v>
      </c>
      <c r="H52" s="20"/>
      <c r="I52" s="16">
        <v>815</v>
      </c>
      <c r="J52" s="22">
        <v>272</v>
      </c>
      <c r="K52" s="22">
        <v>543</v>
      </c>
    </row>
    <row r="53" spans="1:11" ht="20.100000000000001" customHeight="1">
      <c r="A53" s="20" t="s">
        <v>101</v>
      </c>
      <c r="B53" s="20"/>
      <c r="C53" s="16">
        <v>8746</v>
      </c>
      <c r="D53" s="17">
        <v>4442</v>
      </c>
      <c r="E53" s="17">
        <v>4304</v>
      </c>
      <c r="F53" s="17"/>
      <c r="G53" s="21" t="s">
        <v>102</v>
      </c>
      <c r="H53" s="20"/>
      <c r="I53" s="16">
        <v>2367</v>
      </c>
      <c r="J53" s="17">
        <v>731</v>
      </c>
      <c r="K53" s="17">
        <v>1636</v>
      </c>
    </row>
    <row r="54" spans="1:11" ht="15" customHeight="1">
      <c r="A54" s="20" t="s">
        <v>103</v>
      </c>
      <c r="B54" s="20"/>
      <c r="C54" s="16">
        <v>1640</v>
      </c>
      <c r="D54" s="22">
        <v>835</v>
      </c>
      <c r="E54" s="22">
        <v>805</v>
      </c>
      <c r="F54" s="22"/>
      <c r="G54" s="21" t="s">
        <v>104</v>
      </c>
      <c r="H54" s="20"/>
      <c r="I54" s="16">
        <v>677</v>
      </c>
      <c r="J54" s="22">
        <v>229</v>
      </c>
      <c r="K54" s="22">
        <v>448</v>
      </c>
    </row>
    <row r="55" spans="1:11" ht="15" customHeight="1">
      <c r="A55" s="20" t="s">
        <v>105</v>
      </c>
      <c r="B55" s="20"/>
      <c r="C55" s="16">
        <v>1629</v>
      </c>
      <c r="D55" s="22">
        <v>802</v>
      </c>
      <c r="E55" s="22">
        <v>827</v>
      </c>
      <c r="F55" s="22"/>
      <c r="G55" s="21" t="s">
        <v>106</v>
      </c>
      <c r="H55" s="20"/>
      <c r="I55" s="16">
        <v>571</v>
      </c>
      <c r="J55" s="22">
        <v>181</v>
      </c>
      <c r="K55" s="22">
        <v>390</v>
      </c>
    </row>
    <row r="56" spans="1:11" ht="15" customHeight="1">
      <c r="A56" s="20" t="s">
        <v>107</v>
      </c>
      <c r="B56" s="20"/>
      <c r="C56" s="16">
        <v>1768</v>
      </c>
      <c r="D56" s="22">
        <v>883</v>
      </c>
      <c r="E56" s="22">
        <v>885</v>
      </c>
      <c r="F56" s="22"/>
      <c r="G56" s="21" t="s">
        <v>108</v>
      </c>
      <c r="H56" s="20"/>
      <c r="I56" s="16">
        <v>460</v>
      </c>
      <c r="J56" s="22">
        <v>152</v>
      </c>
      <c r="K56" s="22">
        <v>308</v>
      </c>
    </row>
    <row r="57" spans="1:11" ht="15" customHeight="1">
      <c r="A57" s="20" t="s">
        <v>109</v>
      </c>
      <c r="B57" s="20"/>
      <c r="C57" s="16">
        <v>1819</v>
      </c>
      <c r="D57" s="22">
        <v>949</v>
      </c>
      <c r="E57" s="22">
        <v>870</v>
      </c>
      <c r="F57" s="22"/>
      <c r="G57" s="21" t="s">
        <v>110</v>
      </c>
      <c r="H57" s="20"/>
      <c r="I57" s="16">
        <v>371</v>
      </c>
      <c r="J57" s="22">
        <v>86</v>
      </c>
      <c r="K57" s="22">
        <v>285</v>
      </c>
    </row>
    <row r="58" spans="1:11" ht="15" customHeight="1">
      <c r="A58" s="20" t="s">
        <v>111</v>
      </c>
      <c r="B58" s="20"/>
      <c r="C58" s="16">
        <v>1890</v>
      </c>
      <c r="D58" s="22">
        <v>973</v>
      </c>
      <c r="E58" s="22">
        <v>917</v>
      </c>
      <c r="F58" s="22"/>
      <c r="G58" s="21" t="s">
        <v>112</v>
      </c>
      <c r="H58" s="20"/>
      <c r="I58" s="16">
        <v>288</v>
      </c>
      <c r="J58" s="22">
        <v>83</v>
      </c>
      <c r="K58" s="22">
        <v>205</v>
      </c>
    </row>
    <row r="59" spans="1:11" ht="20.100000000000001" customHeight="1">
      <c r="A59" s="20" t="s">
        <v>113</v>
      </c>
      <c r="B59" s="20"/>
      <c r="C59" s="16">
        <v>11495</v>
      </c>
      <c r="D59" s="17">
        <v>5755</v>
      </c>
      <c r="E59" s="17">
        <v>5740</v>
      </c>
      <c r="F59" s="17"/>
      <c r="G59" s="21" t="s">
        <v>114</v>
      </c>
      <c r="H59" s="20"/>
      <c r="I59" s="16">
        <v>601</v>
      </c>
      <c r="J59" s="17">
        <v>135</v>
      </c>
      <c r="K59" s="17">
        <v>466</v>
      </c>
    </row>
    <row r="60" spans="1:11" ht="15" customHeight="1">
      <c r="A60" s="20" t="s">
        <v>115</v>
      </c>
      <c r="B60" s="20"/>
      <c r="C60" s="16">
        <v>1971</v>
      </c>
      <c r="D60" s="22">
        <v>1016</v>
      </c>
      <c r="E60" s="22">
        <v>955</v>
      </c>
      <c r="F60" s="22"/>
      <c r="G60" s="21" t="s">
        <v>116</v>
      </c>
      <c r="H60" s="20"/>
      <c r="I60" s="16">
        <v>211</v>
      </c>
      <c r="J60" s="22">
        <v>51</v>
      </c>
      <c r="K60" s="22">
        <v>160</v>
      </c>
    </row>
    <row r="61" spans="1:11" ht="15" customHeight="1">
      <c r="A61" s="20" t="s">
        <v>117</v>
      </c>
      <c r="B61" s="20"/>
      <c r="C61" s="16">
        <v>2102</v>
      </c>
      <c r="D61" s="22">
        <v>1037</v>
      </c>
      <c r="E61" s="22">
        <v>1065</v>
      </c>
      <c r="F61" s="22"/>
      <c r="G61" s="21" t="s">
        <v>118</v>
      </c>
      <c r="H61" s="20"/>
      <c r="I61" s="16">
        <v>160</v>
      </c>
      <c r="J61" s="22">
        <v>44</v>
      </c>
      <c r="K61" s="22">
        <v>116</v>
      </c>
    </row>
    <row r="62" spans="1:11" ht="15" customHeight="1">
      <c r="A62" s="20" t="s">
        <v>119</v>
      </c>
      <c r="B62" s="20"/>
      <c r="C62" s="16">
        <v>2196</v>
      </c>
      <c r="D62" s="22">
        <v>1097</v>
      </c>
      <c r="E62" s="22">
        <v>1099</v>
      </c>
      <c r="F62" s="22"/>
      <c r="G62" s="21" t="s">
        <v>120</v>
      </c>
      <c r="H62" s="20"/>
      <c r="I62" s="16">
        <v>120</v>
      </c>
      <c r="J62" s="22">
        <v>32</v>
      </c>
      <c r="K62" s="22">
        <v>88</v>
      </c>
    </row>
    <row r="63" spans="1:11" ht="15" customHeight="1">
      <c r="A63" s="20" t="s">
        <v>121</v>
      </c>
      <c r="B63" s="20"/>
      <c r="C63" s="16">
        <v>2570</v>
      </c>
      <c r="D63" s="22">
        <v>1287</v>
      </c>
      <c r="E63" s="22">
        <v>1283</v>
      </c>
      <c r="F63" s="22"/>
      <c r="G63" s="21" t="s">
        <v>122</v>
      </c>
      <c r="H63" s="20"/>
      <c r="I63" s="16">
        <v>73</v>
      </c>
      <c r="J63" s="22">
        <v>7</v>
      </c>
      <c r="K63" s="22">
        <v>66</v>
      </c>
    </row>
    <row r="64" spans="1:11" ht="15" customHeight="1">
      <c r="A64" s="20" t="s">
        <v>123</v>
      </c>
      <c r="B64" s="20"/>
      <c r="C64" s="16">
        <v>2656</v>
      </c>
      <c r="D64" s="22">
        <v>1318</v>
      </c>
      <c r="E64" s="22">
        <v>1338</v>
      </c>
      <c r="F64" s="22"/>
      <c r="G64" s="21" t="s">
        <v>124</v>
      </c>
      <c r="H64" s="20"/>
      <c r="I64" s="16">
        <v>37</v>
      </c>
      <c r="J64" s="22">
        <v>1</v>
      </c>
      <c r="K64" s="22">
        <v>36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27</v>
      </c>
      <c r="J65" s="22">
        <v>11</v>
      </c>
      <c r="K65" s="22">
        <v>116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608</v>
      </c>
      <c r="J66" s="32">
        <v>614</v>
      </c>
      <c r="K66" s="32">
        <v>994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76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310471</v>
      </c>
      <c r="D4" s="17">
        <v>149751</v>
      </c>
      <c r="E4" s="17">
        <v>160720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0651</v>
      </c>
      <c r="D5" s="17">
        <v>5506</v>
      </c>
      <c r="E5" s="17">
        <v>5145</v>
      </c>
      <c r="F5" s="17"/>
      <c r="G5" s="21" t="s">
        <v>6</v>
      </c>
      <c r="H5" s="20"/>
      <c r="I5" s="16">
        <v>27529</v>
      </c>
      <c r="J5" s="17">
        <v>12835</v>
      </c>
      <c r="K5" s="17">
        <v>14694</v>
      </c>
    </row>
    <row r="6" spans="1:11" ht="15" customHeight="1">
      <c r="A6" s="20" t="s">
        <v>7</v>
      </c>
      <c r="B6" s="20"/>
      <c r="C6" s="16">
        <v>1945</v>
      </c>
      <c r="D6" s="22">
        <v>974</v>
      </c>
      <c r="E6" s="22">
        <v>971</v>
      </c>
      <c r="F6" s="22"/>
      <c r="G6" s="21" t="s">
        <v>8</v>
      </c>
      <c r="H6" s="20"/>
      <c r="I6" s="16">
        <v>5305</v>
      </c>
      <c r="J6" s="22">
        <v>2490</v>
      </c>
      <c r="K6" s="22">
        <v>2815</v>
      </c>
    </row>
    <row r="7" spans="1:11" ht="15" customHeight="1">
      <c r="A7" s="20" t="s">
        <v>9</v>
      </c>
      <c r="B7" s="20"/>
      <c r="C7" s="16">
        <v>2072</v>
      </c>
      <c r="D7" s="22">
        <v>1088</v>
      </c>
      <c r="E7" s="22">
        <v>984</v>
      </c>
      <c r="F7" s="22"/>
      <c r="G7" s="21" t="s">
        <v>10</v>
      </c>
      <c r="H7" s="20"/>
      <c r="I7" s="16">
        <v>5323</v>
      </c>
      <c r="J7" s="22">
        <v>2481</v>
      </c>
      <c r="K7" s="22">
        <v>2842</v>
      </c>
    </row>
    <row r="8" spans="1:11" ht="15" customHeight="1">
      <c r="A8" s="20" t="s">
        <v>11</v>
      </c>
      <c r="B8" s="20"/>
      <c r="C8" s="16">
        <v>2088</v>
      </c>
      <c r="D8" s="22">
        <v>1082</v>
      </c>
      <c r="E8" s="22">
        <v>1006</v>
      </c>
      <c r="F8" s="22"/>
      <c r="G8" s="21" t="s">
        <v>12</v>
      </c>
      <c r="H8" s="20"/>
      <c r="I8" s="16">
        <v>5543</v>
      </c>
      <c r="J8" s="22">
        <v>2539</v>
      </c>
      <c r="K8" s="22">
        <v>3004</v>
      </c>
    </row>
    <row r="9" spans="1:11" ht="15" customHeight="1">
      <c r="A9" s="20" t="s">
        <v>13</v>
      </c>
      <c r="B9" s="20"/>
      <c r="C9" s="16">
        <v>2232</v>
      </c>
      <c r="D9" s="22">
        <v>1153</v>
      </c>
      <c r="E9" s="22">
        <v>1079</v>
      </c>
      <c r="F9" s="22"/>
      <c r="G9" s="21" t="s">
        <v>14</v>
      </c>
      <c r="H9" s="20"/>
      <c r="I9" s="16">
        <v>5564</v>
      </c>
      <c r="J9" s="22">
        <v>2573</v>
      </c>
      <c r="K9" s="22">
        <v>2991</v>
      </c>
    </row>
    <row r="10" spans="1:11" ht="15" customHeight="1">
      <c r="A10" s="20" t="s">
        <v>15</v>
      </c>
      <c r="B10" s="20"/>
      <c r="C10" s="16">
        <v>2314</v>
      </c>
      <c r="D10" s="22">
        <v>1209</v>
      </c>
      <c r="E10" s="22">
        <v>1105</v>
      </c>
      <c r="F10" s="22"/>
      <c r="G10" s="21" t="s">
        <v>16</v>
      </c>
      <c r="H10" s="20"/>
      <c r="I10" s="16">
        <v>5794</v>
      </c>
      <c r="J10" s="22">
        <v>2752</v>
      </c>
      <c r="K10" s="22">
        <v>3042</v>
      </c>
    </row>
    <row r="11" spans="1:11" ht="20.100000000000001" customHeight="1">
      <c r="A11" s="20" t="s">
        <v>17</v>
      </c>
      <c r="B11" s="20"/>
      <c r="C11" s="16">
        <v>13067</v>
      </c>
      <c r="D11" s="17">
        <v>6704</v>
      </c>
      <c r="E11" s="17">
        <v>6363</v>
      </c>
      <c r="F11" s="17"/>
      <c r="G11" s="21" t="s">
        <v>18</v>
      </c>
      <c r="H11" s="20"/>
      <c r="I11" s="16">
        <v>25469</v>
      </c>
      <c r="J11" s="17">
        <v>12612</v>
      </c>
      <c r="K11" s="17">
        <v>12857</v>
      </c>
    </row>
    <row r="12" spans="1:11" ht="15" customHeight="1">
      <c r="A12" s="20" t="s">
        <v>19</v>
      </c>
      <c r="B12" s="20"/>
      <c r="C12" s="16">
        <v>2445</v>
      </c>
      <c r="D12" s="22">
        <v>1248</v>
      </c>
      <c r="E12" s="22">
        <v>1197</v>
      </c>
      <c r="F12" s="22"/>
      <c r="G12" s="21" t="s">
        <v>20</v>
      </c>
      <c r="H12" s="20"/>
      <c r="I12" s="16">
        <v>5895</v>
      </c>
      <c r="J12" s="22">
        <v>2892</v>
      </c>
      <c r="K12" s="22">
        <v>3003</v>
      </c>
    </row>
    <row r="13" spans="1:11" ht="15" customHeight="1">
      <c r="A13" s="20" t="s">
        <v>21</v>
      </c>
      <c r="B13" s="20"/>
      <c r="C13" s="16">
        <v>2504</v>
      </c>
      <c r="D13" s="22">
        <v>1271</v>
      </c>
      <c r="E13" s="22">
        <v>1233</v>
      </c>
      <c r="F13" s="22"/>
      <c r="G13" s="21" t="s">
        <v>22</v>
      </c>
      <c r="H13" s="20"/>
      <c r="I13" s="16">
        <v>4315</v>
      </c>
      <c r="J13" s="22">
        <v>2115</v>
      </c>
      <c r="K13" s="22">
        <v>2200</v>
      </c>
    </row>
    <row r="14" spans="1:11" ht="15" customHeight="1">
      <c r="A14" s="20" t="s">
        <v>23</v>
      </c>
      <c r="B14" s="20"/>
      <c r="C14" s="16">
        <v>2674</v>
      </c>
      <c r="D14" s="22">
        <v>1375</v>
      </c>
      <c r="E14" s="22">
        <v>1299</v>
      </c>
      <c r="F14" s="22"/>
      <c r="G14" s="21" t="s">
        <v>24</v>
      </c>
      <c r="H14" s="20"/>
      <c r="I14" s="16">
        <v>5538</v>
      </c>
      <c r="J14" s="22">
        <v>2771</v>
      </c>
      <c r="K14" s="22">
        <v>2767</v>
      </c>
    </row>
    <row r="15" spans="1:11" ht="15" customHeight="1">
      <c r="A15" s="20" t="s">
        <v>25</v>
      </c>
      <c r="B15" s="20"/>
      <c r="C15" s="16">
        <v>2662</v>
      </c>
      <c r="D15" s="22">
        <v>1372</v>
      </c>
      <c r="E15" s="22">
        <v>1290</v>
      </c>
      <c r="F15" s="22"/>
      <c r="G15" s="21" t="s">
        <v>26</v>
      </c>
      <c r="H15" s="20"/>
      <c r="I15" s="16">
        <v>5017</v>
      </c>
      <c r="J15" s="22">
        <v>2484</v>
      </c>
      <c r="K15" s="22">
        <v>2533</v>
      </c>
    </row>
    <row r="16" spans="1:11" ht="15" customHeight="1">
      <c r="A16" s="20" t="s">
        <v>27</v>
      </c>
      <c r="B16" s="20"/>
      <c r="C16" s="16">
        <v>2782</v>
      </c>
      <c r="D16" s="22">
        <v>1438</v>
      </c>
      <c r="E16" s="22">
        <v>1344</v>
      </c>
      <c r="F16" s="22"/>
      <c r="G16" s="21" t="s">
        <v>28</v>
      </c>
      <c r="H16" s="20"/>
      <c r="I16" s="16">
        <v>4704</v>
      </c>
      <c r="J16" s="22">
        <v>2350</v>
      </c>
      <c r="K16" s="22">
        <v>2354</v>
      </c>
    </row>
    <row r="17" spans="1:11" ht="20.100000000000001" customHeight="1">
      <c r="A17" s="24" t="s">
        <v>29</v>
      </c>
      <c r="B17" s="24"/>
      <c r="C17" s="16">
        <v>14210</v>
      </c>
      <c r="D17" s="17">
        <v>7240</v>
      </c>
      <c r="E17" s="17">
        <v>6970</v>
      </c>
      <c r="F17" s="17"/>
      <c r="G17" s="21" t="s">
        <v>30</v>
      </c>
      <c r="H17" s="20"/>
      <c r="I17" s="16">
        <v>19633</v>
      </c>
      <c r="J17" s="17">
        <v>9909</v>
      </c>
      <c r="K17" s="17">
        <v>9724</v>
      </c>
    </row>
    <row r="18" spans="1:11" ht="15" customHeight="1">
      <c r="A18" s="20" t="s">
        <v>31</v>
      </c>
      <c r="B18" s="20"/>
      <c r="C18" s="16">
        <v>2824</v>
      </c>
      <c r="D18" s="22">
        <v>1418</v>
      </c>
      <c r="E18" s="22">
        <v>1406</v>
      </c>
      <c r="F18" s="22"/>
      <c r="G18" s="21" t="s">
        <v>32</v>
      </c>
      <c r="H18" s="20"/>
      <c r="I18" s="16">
        <v>4508</v>
      </c>
      <c r="J18" s="22">
        <v>2225</v>
      </c>
      <c r="K18" s="22">
        <v>2283</v>
      </c>
    </row>
    <row r="19" spans="1:11" ht="15" customHeight="1">
      <c r="A19" s="20" t="s">
        <v>33</v>
      </c>
      <c r="B19" s="20"/>
      <c r="C19" s="16">
        <v>2702</v>
      </c>
      <c r="D19" s="22">
        <v>1395</v>
      </c>
      <c r="E19" s="22">
        <v>1307</v>
      </c>
      <c r="F19" s="22"/>
      <c r="G19" s="21" t="s">
        <v>34</v>
      </c>
      <c r="H19" s="20"/>
      <c r="I19" s="16">
        <v>3977</v>
      </c>
      <c r="J19" s="22">
        <v>2084</v>
      </c>
      <c r="K19" s="22">
        <v>1893</v>
      </c>
    </row>
    <row r="20" spans="1:11" ht="15" customHeight="1">
      <c r="A20" s="20" t="s">
        <v>35</v>
      </c>
      <c r="B20" s="20"/>
      <c r="C20" s="16">
        <v>2893</v>
      </c>
      <c r="D20" s="22">
        <v>1458</v>
      </c>
      <c r="E20" s="22">
        <v>1435</v>
      </c>
      <c r="F20" s="22"/>
      <c r="G20" s="21" t="s">
        <v>36</v>
      </c>
      <c r="H20" s="20"/>
      <c r="I20" s="16">
        <v>3855</v>
      </c>
      <c r="J20" s="22">
        <v>1928</v>
      </c>
      <c r="K20" s="22">
        <v>1927</v>
      </c>
    </row>
    <row r="21" spans="1:11" ht="15" customHeight="1">
      <c r="A21" s="20" t="s">
        <v>37</v>
      </c>
      <c r="B21" s="20"/>
      <c r="C21" s="16">
        <v>2877</v>
      </c>
      <c r="D21" s="22">
        <v>1461</v>
      </c>
      <c r="E21" s="22">
        <v>1416</v>
      </c>
      <c r="F21" s="22"/>
      <c r="G21" s="21" t="s">
        <v>38</v>
      </c>
      <c r="H21" s="20"/>
      <c r="I21" s="16">
        <v>3723</v>
      </c>
      <c r="J21" s="22">
        <v>1901</v>
      </c>
      <c r="K21" s="22">
        <v>1822</v>
      </c>
    </row>
    <row r="22" spans="1:11" ht="15" customHeight="1">
      <c r="A22" s="20" t="s">
        <v>39</v>
      </c>
      <c r="B22" s="20"/>
      <c r="C22" s="16">
        <v>2914</v>
      </c>
      <c r="D22" s="22">
        <v>1508</v>
      </c>
      <c r="E22" s="22">
        <v>1406</v>
      </c>
      <c r="F22" s="22"/>
      <c r="G22" s="21" t="s">
        <v>40</v>
      </c>
      <c r="H22" s="20"/>
      <c r="I22" s="16">
        <v>3570</v>
      </c>
      <c r="J22" s="22">
        <v>1771</v>
      </c>
      <c r="K22" s="22">
        <v>1799</v>
      </c>
    </row>
    <row r="23" spans="1:11" ht="20.100000000000001" customHeight="1">
      <c r="A23" s="20" t="s">
        <v>41</v>
      </c>
      <c r="B23" s="20"/>
      <c r="C23" s="16">
        <v>15100</v>
      </c>
      <c r="D23" s="17">
        <v>7731</v>
      </c>
      <c r="E23" s="17">
        <v>7369</v>
      </c>
      <c r="F23" s="17"/>
      <c r="G23" s="21" t="s">
        <v>42</v>
      </c>
      <c r="H23" s="20"/>
      <c r="I23" s="16">
        <v>15374</v>
      </c>
      <c r="J23" s="17">
        <v>7449</v>
      </c>
      <c r="K23" s="17">
        <v>7925</v>
      </c>
    </row>
    <row r="24" spans="1:11" ht="15" customHeight="1">
      <c r="A24" s="20" t="s">
        <v>43</v>
      </c>
      <c r="B24" s="20"/>
      <c r="C24" s="16">
        <v>2891</v>
      </c>
      <c r="D24" s="22">
        <v>1485</v>
      </c>
      <c r="E24" s="22">
        <v>1406</v>
      </c>
      <c r="F24" s="22"/>
      <c r="G24" s="21" t="s">
        <v>44</v>
      </c>
      <c r="H24" s="20"/>
      <c r="I24" s="16">
        <v>3261</v>
      </c>
      <c r="J24" s="22">
        <v>1585</v>
      </c>
      <c r="K24" s="22">
        <v>1676</v>
      </c>
    </row>
    <row r="25" spans="1:11" ht="15" customHeight="1">
      <c r="A25" s="20" t="s">
        <v>45</v>
      </c>
      <c r="B25" s="20"/>
      <c r="C25" s="16">
        <v>2881</v>
      </c>
      <c r="D25" s="22">
        <v>1465</v>
      </c>
      <c r="E25" s="22">
        <v>1416</v>
      </c>
      <c r="F25" s="22"/>
      <c r="G25" s="21" t="s">
        <v>46</v>
      </c>
      <c r="H25" s="20"/>
      <c r="I25" s="16">
        <v>3155</v>
      </c>
      <c r="J25" s="22">
        <v>1604</v>
      </c>
      <c r="K25" s="22">
        <v>1551</v>
      </c>
    </row>
    <row r="26" spans="1:11" ht="15" customHeight="1">
      <c r="A26" s="20" t="s">
        <v>47</v>
      </c>
      <c r="B26" s="20"/>
      <c r="C26" s="16">
        <v>2909</v>
      </c>
      <c r="D26" s="22">
        <v>1466</v>
      </c>
      <c r="E26" s="22">
        <v>1443</v>
      </c>
      <c r="F26" s="22"/>
      <c r="G26" s="21" t="s">
        <v>48</v>
      </c>
      <c r="H26" s="20"/>
      <c r="I26" s="16">
        <v>3026</v>
      </c>
      <c r="J26" s="22">
        <v>1442</v>
      </c>
      <c r="K26" s="22">
        <v>1584</v>
      </c>
    </row>
    <row r="27" spans="1:11" ht="15" customHeight="1">
      <c r="A27" s="20" t="s">
        <v>49</v>
      </c>
      <c r="B27" s="20"/>
      <c r="C27" s="16">
        <v>3138</v>
      </c>
      <c r="D27" s="22">
        <v>1612</v>
      </c>
      <c r="E27" s="22">
        <v>1526</v>
      </c>
      <c r="F27" s="22"/>
      <c r="G27" s="21" t="s">
        <v>50</v>
      </c>
      <c r="H27" s="20"/>
      <c r="I27" s="16">
        <v>2925</v>
      </c>
      <c r="J27" s="22">
        <v>1394</v>
      </c>
      <c r="K27" s="22">
        <v>1531</v>
      </c>
    </row>
    <row r="28" spans="1:11" ht="15" customHeight="1">
      <c r="A28" s="20" t="s">
        <v>51</v>
      </c>
      <c r="B28" s="20"/>
      <c r="C28" s="16">
        <v>3281</v>
      </c>
      <c r="D28" s="22">
        <v>1703</v>
      </c>
      <c r="E28" s="22">
        <v>1578</v>
      </c>
      <c r="F28" s="22"/>
      <c r="G28" s="21" t="s">
        <v>52</v>
      </c>
      <c r="H28" s="20"/>
      <c r="I28" s="16">
        <v>3007</v>
      </c>
      <c r="J28" s="22">
        <v>1424</v>
      </c>
      <c r="K28" s="22">
        <v>1583</v>
      </c>
    </row>
    <row r="29" spans="1:11" ht="20.100000000000001" customHeight="1">
      <c r="A29" s="20" t="s">
        <v>53</v>
      </c>
      <c r="B29" s="20"/>
      <c r="C29" s="16">
        <v>19174</v>
      </c>
      <c r="D29" s="17">
        <v>9701</v>
      </c>
      <c r="E29" s="17">
        <v>9473</v>
      </c>
      <c r="F29" s="17"/>
      <c r="G29" s="21" t="s">
        <v>54</v>
      </c>
      <c r="H29" s="20"/>
      <c r="I29" s="16">
        <v>17347</v>
      </c>
      <c r="J29" s="17">
        <v>8029</v>
      </c>
      <c r="K29" s="17">
        <v>9318</v>
      </c>
    </row>
    <row r="30" spans="1:11" ht="15" customHeight="1">
      <c r="A30" s="20" t="s">
        <v>55</v>
      </c>
      <c r="B30" s="20"/>
      <c r="C30" s="16">
        <v>3536</v>
      </c>
      <c r="D30" s="22">
        <v>1793</v>
      </c>
      <c r="E30" s="22">
        <v>1743</v>
      </c>
      <c r="F30" s="22"/>
      <c r="G30" s="21" t="s">
        <v>56</v>
      </c>
      <c r="H30" s="20"/>
      <c r="I30" s="16">
        <v>3085</v>
      </c>
      <c r="J30" s="22">
        <v>1433</v>
      </c>
      <c r="K30" s="22">
        <v>1652</v>
      </c>
    </row>
    <row r="31" spans="1:11" ht="15" customHeight="1">
      <c r="A31" s="20" t="s">
        <v>57</v>
      </c>
      <c r="B31" s="20"/>
      <c r="C31" s="16">
        <v>4061</v>
      </c>
      <c r="D31" s="22">
        <v>2180</v>
      </c>
      <c r="E31" s="22">
        <v>1881</v>
      </c>
      <c r="F31" s="22"/>
      <c r="G31" s="21" t="s">
        <v>58</v>
      </c>
      <c r="H31" s="20"/>
      <c r="I31" s="16">
        <v>3162</v>
      </c>
      <c r="J31" s="22">
        <v>1526</v>
      </c>
      <c r="K31" s="22">
        <v>1636</v>
      </c>
    </row>
    <row r="32" spans="1:11" ht="15" customHeight="1">
      <c r="A32" s="20" t="s">
        <v>59</v>
      </c>
      <c r="B32" s="20"/>
      <c r="C32" s="16">
        <v>4150</v>
      </c>
      <c r="D32" s="22">
        <v>2112</v>
      </c>
      <c r="E32" s="22">
        <v>2038</v>
      </c>
      <c r="F32" s="22"/>
      <c r="G32" s="21" t="s">
        <v>60</v>
      </c>
      <c r="H32" s="20"/>
      <c r="I32" s="16">
        <v>3298</v>
      </c>
      <c r="J32" s="22">
        <v>1527</v>
      </c>
      <c r="K32" s="22">
        <v>1771</v>
      </c>
    </row>
    <row r="33" spans="1:11" ht="15" customHeight="1">
      <c r="A33" s="20" t="s">
        <v>61</v>
      </c>
      <c r="B33" s="20"/>
      <c r="C33" s="16">
        <v>3707</v>
      </c>
      <c r="D33" s="22">
        <v>1837</v>
      </c>
      <c r="E33" s="22">
        <v>1870</v>
      </c>
      <c r="F33" s="22"/>
      <c r="G33" s="21" t="s">
        <v>62</v>
      </c>
      <c r="H33" s="20"/>
      <c r="I33" s="16">
        <v>3994</v>
      </c>
      <c r="J33" s="22">
        <v>1787</v>
      </c>
      <c r="K33" s="22">
        <v>2207</v>
      </c>
    </row>
    <row r="34" spans="1:11" ht="15" customHeight="1">
      <c r="A34" s="20" t="s">
        <v>63</v>
      </c>
      <c r="B34" s="20"/>
      <c r="C34" s="16">
        <v>3720</v>
      </c>
      <c r="D34" s="22">
        <v>1779</v>
      </c>
      <c r="E34" s="22">
        <v>1941</v>
      </c>
      <c r="F34" s="22"/>
      <c r="G34" s="21" t="s">
        <v>64</v>
      </c>
      <c r="H34" s="20"/>
      <c r="I34" s="16">
        <v>3808</v>
      </c>
      <c r="J34" s="22">
        <v>1756</v>
      </c>
      <c r="K34" s="22">
        <v>2052</v>
      </c>
    </row>
    <row r="35" spans="1:11" ht="20.100000000000001" customHeight="1">
      <c r="A35" s="20" t="s">
        <v>65</v>
      </c>
      <c r="B35" s="20"/>
      <c r="C35" s="16">
        <v>14781</v>
      </c>
      <c r="D35" s="17">
        <v>6879</v>
      </c>
      <c r="E35" s="17">
        <v>7902</v>
      </c>
      <c r="F35" s="17"/>
      <c r="G35" s="21" t="s">
        <v>66</v>
      </c>
      <c r="H35" s="20"/>
      <c r="I35" s="16">
        <v>14227</v>
      </c>
      <c r="J35" s="17">
        <v>6535</v>
      </c>
      <c r="K35" s="17">
        <v>7692</v>
      </c>
    </row>
    <row r="36" spans="1:11" ht="15" customHeight="1">
      <c r="A36" s="20" t="s">
        <v>67</v>
      </c>
      <c r="B36" s="20"/>
      <c r="C36" s="16">
        <v>3164</v>
      </c>
      <c r="D36" s="22">
        <v>1468</v>
      </c>
      <c r="E36" s="22">
        <v>1696</v>
      </c>
      <c r="F36" s="22"/>
      <c r="G36" s="21" t="s">
        <v>68</v>
      </c>
      <c r="H36" s="20"/>
      <c r="I36" s="16">
        <v>3783</v>
      </c>
      <c r="J36" s="22">
        <v>1781</v>
      </c>
      <c r="K36" s="22">
        <v>2002</v>
      </c>
    </row>
    <row r="37" spans="1:11" ht="15" customHeight="1">
      <c r="A37" s="20" t="s">
        <v>69</v>
      </c>
      <c r="B37" s="20"/>
      <c r="C37" s="16">
        <v>3053</v>
      </c>
      <c r="D37" s="22">
        <v>1442</v>
      </c>
      <c r="E37" s="22">
        <v>1611</v>
      </c>
      <c r="F37" s="22"/>
      <c r="G37" s="21" t="s">
        <v>70</v>
      </c>
      <c r="H37" s="20"/>
      <c r="I37" s="16">
        <v>2669</v>
      </c>
      <c r="J37" s="22">
        <v>1219</v>
      </c>
      <c r="K37" s="22">
        <v>1450</v>
      </c>
    </row>
    <row r="38" spans="1:11" ht="15" customHeight="1">
      <c r="A38" s="20" t="s">
        <v>71</v>
      </c>
      <c r="B38" s="20"/>
      <c r="C38" s="16">
        <v>2882</v>
      </c>
      <c r="D38" s="22">
        <v>1345</v>
      </c>
      <c r="E38" s="22">
        <v>1537</v>
      </c>
      <c r="F38" s="22"/>
      <c r="G38" s="21" t="s">
        <v>72</v>
      </c>
      <c r="H38" s="20"/>
      <c r="I38" s="16">
        <v>2318</v>
      </c>
      <c r="J38" s="22">
        <v>1043</v>
      </c>
      <c r="K38" s="22">
        <v>1275</v>
      </c>
    </row>
    <row r="39" spans="1:11" ht="15" customHeight="1">
      <c r="A39" s="20" t="s">
        <v>73</v>
      </c>
      <c r="B39" s="20"/>
      <c r="C39" s="16">
        <v>2956</v>
      </c>
      <c r="D39" s="22">
        <v>1333</v>
      </c>
      <c r="E39" s="22">
        <v>1623</v>
      </c>
      <c r="F39" s="22"/>
      <c r="G39" s="21" t="s">
        <v>74</v>
      </c>
      <c r="H39" s="20"/>
      <c r="I39" s="16">
        <v>2740</v>
      </c>
      <c r="J39" s="22">
        <v>1247</v>
      </c>
      <c r="K39" s="22">
        <v>1493</v>
      </c>
    </row>
    <row r="40" spans="1:11" ht="15" customHeight="1">
      <c r="A40" s="20" t="s">
        <v>75</v>
      </c>
      <c r="B40" s="20"/>
      <c r="C40" s="16">
        <v>2726</v>
      </c>
      <c r="D40" s="22">
        <v>1291</v>
      </c>
      <c r="E40" s="22">
        <v>1435</v>
      </c>
      <c r="F40" s="22"/>
      <c r="G40" s="21" t="s">
        <v>76</v>
      </c>
      <c r="H40" s="20"/>
      <c r="I40" s="16">
        <v>2717</v>
      </c>
      <c r="J40" s="22">
        <v>1245</v>
      </c>
      <c r="K40" s="22">
        <v>1472</v>
      </c>
    </row>
    <row r="41" spans="1:11" ht="20.100000000000001" customHeight="1">
      <c r="A41" s="20" t="s">
        <v>77</v>
      </c>
      <c r="B41" s="20"/>
      <c r="C41" s="16">
        <v>14170</v>
      </c>
      <c r="D41" s="17">
        <v>6852</v>
      </c>
      <c r="E41" s="17">
        <v>7318</v>
      </c>
      <c r="F41" s="17"/>
      <c r="G41" s="21" t="s">
        <v>78</v>
      </c>
      <c r="H41" s="20"/>
      <c r="I41" s="16">
        <v>10857</v>
      </c>
      <c r="J41" s="17">
        <v>4781</v>
      </c>
      <c r="K41" s="17">
        <v>6076</v>
      </c>
    </row>
    <row r="42" spans="1:11" ht="15" customHeight="1">
      <c r="A42" s="20" t="s">
        <v>79</v>
      </c>
      <c r="B42" s="20"/>
      <c r="C42" s="16">
        <v>2830</v>
      </c>
      <c r="D42" s="22">
        <v>1329</v>
      </c>
      <c r="E42" s="22">
        <v>1501</v>
      </c>
      <c r="F42" s="22"/>
      <c r="G42" s="21" t="s">
        <v>80</v>
      </c>
      <c r="H42" s="20"/>
      <c r="I42" s="16">
        <v>2661</v>
      </c>
      <c r="J42" s="22">
        <v>1200</v>
      </c>
      <c r="K42" s="22">
        <v>1461</v>
      </c>
    </row>
    <row r="43" spans="1:11" ht="15" customHeight="1">
      <c r="A43" s="20" t="s">
        <v>81</v>
      </c>
      <c r="B43" s="20"/>
      <c r="C43" s="16">
        <v>2789</v>
      </c>
      <c r="D43" s="22">
        <v>1321</v>
      </c>
      <c r="E43" s="22">
        <v>1468</v>
      </c>
      <c r="F43" s="22"/>
      <c r="G43" s="21" t="s">
        <v>82</v>
      </c>
      <c r="H43" s="20"/>
      <c r="I43" s="16">
        <v>2462</v>
      </c>
      <c r="J43" s="22">
        <v>1063</v>
      </c>
      <c r="K43" s="22">
        <v>1399</v>
      </c>
    </row>
    <row r="44" spans="1:11" ht="15" customHeight="1">
      <c r="A44" s="20" t="s">
        <v>83</v>
      </c>
      <c r="B44" s="20"/>
      <c r="C44" s="16">
        <v>2815</v>
      </c>
      <c r="D44" s="22">
        <v>1362</v>
      </c>
      <c r="E44" s="22">
        <v>1453</v>
      </c>
      <c r="F44" s="22"/>
      <c r="G44" s="21" t="s">
        <v>84</v>
      </c>
      <c r="H44" s="20"/>
      <c r="I44" s="16">
        <v>2176</v>
      </c>
      <c r="J44" s="22">
        <v>961</v>
      </c>
      <c r="K44" s="22">
        <v>1215</v>
      </c>
    </row>
    <row r="45" spans="1:11" ht="15" customHeight="1">
      <c r="A45" s="20" t="s">
        <v>85</v>
      </c>
      <c r="B45" s="20"/>
      <c r="C45" s="16">
        <v>2704</v>
      </c>
      <c r="D45" s="22">
        <v>1329</v>
      </c>
      <c r="E45" s="22">
        <v>1375</v>
      </c>
      <c r="F45" s="22"/>
      <c r="G45" s="21" t="s">
        <v>86</v>
      </c>
      <c r="H45" s="20"/>
      <c r="I45" s="16">
        <v>1815</v>
      </c>
      <c r="J45" s="22">
        <v>803</v>
      </c>
      <c r="K45" s="22">
        <v>1012</v>
      </c>
    </row>
    <row r="46" spans="1:11" ht="15" customHeight="1">
      <c r="A46" s="20" t="s">
        <v>87</v>
      </c>
      <c r="B46" s="20"/>
      <c r="C46" s="16">
        <v>3032</v>
      </c>
      <c r="D46" s="22">
        <v>1511</v>
      </c>
      <c r="E46" s="22">
        <v>1521</v>
      </c>
      <c r="F46" s="22"/>
      <c r="G46" s="21" t="s">
        <v>88</v>
      </c>
      <c r="H46" s="20"/>
      <c r="I46" s="16">
        <v>1743</v>
      </c>
      <c r="J46" s="22">
        <v>754</v>
      </c>
      <c r="K46" s="22">
        <v>989</v>
      </c>
    </row>
    <row r="47" spans="1:11" ht="20.100000000000001" customHeight="1">
      <c r="A47" s="20" t="s">
        <v>89</v>
      </c>
      <c r="B47" s="20"/>
      <c r="C47" s="16">
        <v>16483</v>
      </c>
      <c r="D47" s="17">
        <v>7990</v>
      </c>
      <c r="E47" s="17">
        <v>8493</v>
      </c>
      <c r="F47" s="17"/>
      <c r="G47" s="21" t="s">
        <v>90</v>
      </c>
      <c r="H47" s="20"/>
      <c r="I47" s="16">
        <v>7330</v>
      </c>
      <c r="J47" s="17">
        <v>2879</v>
      </c>
      <c r="K47" s="17">
        <v>4451</v>
      </c>
    </row>
    <row r="48" spans="1:11" ht="15" customHeight="1">
      <c r="A48" s="20" t="s">
        <v>91</v>
      </c>
      <c r="B48" s="20"/>
      <c r="C48" s="16">
        <v>2996</v>
      </c>
      <c r="D48" s="22">
        <v>1440</v>
      </c>
      <c r="E48" s="22">
        <v>1556</v>
      </c>
      <c r="F48" s="22"/>
      <c r="G48" s="21" t="s">
        <v>92</v>
      </c>
      <c r="H48" s="20"/>
      <c r="I48" s="16">
        <v>1753</v>
      </c>
      <c r="J48" s="22">
        <v>716</v>
      </c>
      <c r="K48" s="22">
        <v>1037</v>
      </c>
    </row>
    <row r="49" spans="1:11" ht="15" customHeight="1">
      <c r="A49" s="20" t="s">
        <v>93</v>
      </c>
      <c r="B49" s="20"/>
      <c r="C49" s="16">
        <v>3113</v>
      </c>
      <c r="D49" s="22">
        <v>1504</v>
      </c>
      <c r="E49" s="22">
        <v>1609</v>
      </c>
      <c r="F49" s="22"/>
      <c r="G49" s="21" t="s">
        <v>94</v>
      </c>
      <c r="H49" s="20"/>
      <c r="I49" s="16">
        <v>1668</v>
      </c>
      <c r="J49" s="22">
        <v>655</v>
      </c>
      <c r="K49" s="22">
        <v>1013</v>
      </c>
    </row>
    <row r="50" spans="1:11" ht="15" customHeight="1">
      <c r="A50" s="20" t="s">
        <v>95</v>
      </c>
      <c r="B50" s="20"/>
      <c r="C50" s="16">
        <v>3349</v>
      </c>
      <c r="D50" s="22">
        <v>1569</v>
      </c>
      <c r="E50" s="22">
        <v>1780</v>
      </c>
      <c r="F50" s="22"/>
      <c r="G50" s="21" t="s">
        <v>96</v>
      </c>
      <c r="H50" s="20"/>
      <c r="I50" s="16">
        <v>1504</v>
      </c>
      <c r="J50" s="22">
        <v>616</v>
      </c>
      <c r="K50" s="22">
        <v>888</v>
      </c>
    </row>
    <row r="51" spans="1:11" ht="15" customHeight="1">
      <c r="A51" s="20" t="s">
        <v>97</v>
      </c>
      <c r="B51" s="20"/>
      <c r="C51" s="16">
        <v>3511</v>
      </c>
      <c r="D51" s="22">
        <v>1722</v>
      </c>
      <c r="E51" s="22">
        <v>1789</v>
      </c>
      <c r="F51" s="22"/>
      <c r="G51" s="21" t="s">
        <v>98</v>
      </c>
      <c r="H51" s="20"/>
      <c r="I51" s="16">
        <v>1241</v>
      </c>
      <c r="J51" s="22">
        <v>495</v>
      </c>
      <c r="K51" s="22">
        <v>746</v>
      </c>
    </row>
    <row r="52" spans="1:11" ht="15" customHeight="1">
      <c r="A52" s="20" t="s">
        <v>99</v>
      </c>
      <c r="B52" s="20"/>
      <c r="C52" s="16">
        <v>3514</v>
      </c>
      <c r="D52" s="22">
        <v>1755</v>
      </c>
      <c r="E52" s="22">
        <v>1759</v>
      </c>
      <c r="F52" s="22"/>
      <c r="G52" s="21" t="s">
        <v>100</v>
      </c>
      <c r="H52" s="20"/>
      <c r="I52" s="16">
        <v>1164</v>
      </c>
      <c r="J52" s="22">
        <v>397</v>
      </c>
      <c r="K52" s="22">
        <v>767</v>
      </c>
    </row>
    <row r="53" spans="1:11" ht="20.100000000000001" customHeight="1">
      <c r="A53" s="20" t="s">
        <v>101</v>
      </c>
      <c r="B53" s="20"/>
      <c r="C53" s="16">
        <v>19525</v>
      </c>
      <c r="D53" s="17">
        <v>9391</v>
      </c>
      <c r="E53" s="17">
        <v>10134</v>
      </c>
      <c r="F53" s="17"/>
      <c r="G53" s="21" t="s">
        <v>102</v>
      </c>
      <c r="H53" s="20"/>
      <c r="I53" s="16">
        <v>3793</v>
      </c>
      <c r="J53" s="17">
        <v>1168</v>
      </c>
      <c r="K53" s="17">
        <v>2625</v>
      </c>
    </row>
    <row r="54" spans="1:11" ht="15" customHeight="1">
      <c r="A54" s="20" t="s">
        <v>103</v>
      </c>
      <c r="B54" s="20"/>
      <c r="C54" s="16">
        <v>3654</v>
      </c>
      <c r="D54" s="22">
        <v>1750</v>
      </c>
      <c r="E54" s="22">
        <v>1904</v>
      </c>
      <c r="F54" s="22"/>
      <c r="G54" s="21" t="s">
        <v>104</v>
      </c>
      <c r="H54" s="20"/>
      <c r="I54" s="16">
        <v>1082</v>
      </c>
      <c r="J54" s="22">
        <v>371</v>
      </c>
      <c r="K54" s="22">
        <v>711</v>
      </c>
    </row>
    <row r="55" spans="1:11" ht="15" customHeight="1">
      <c r="A55" s="20" t="s">
        <v>105</v>
      </c>
      <c r="B55" s="20"/>
      <c r="C55" s="16">
        <v>3677</v>
      </c>
      <c r="D55" s="22">
        <v>1775</v>
      </c>
      <c r="E55" s="22">
        <v>1902</v>
      </c>
      <c r="F55" s="22"/>
      <c r="G55" s="21" t="s">
        <v>106</v>
      </c>
      <c r="H55" s="20"/>
      <c r="I55" s="16">
        <v>819</v>
      </c>
      <c r="J55" s="22">
        <v>273</v>
      </c>
      <c r="K55" s="22">
        <v>546</v>
      </c>
    </row>
    <row r="56" spans="1:11" ht="15" customHeight="1">
      <c r="A56" s="20" t="s">
        <v>107</v>
      </c>
      <c r="B56" s="20"/>
      <c r="C56" s="16">
        <v>3857</v>
      </c>
      <c r="D56" s="22">
        <v>1866</v>
      </c>
      <c r="E56" s="22">
        <v>1991</v>
      </c>
      <c r="F56" s="22"/>
      <c r="G56" s="21" t="s">
        <v>108</v>
      </c>
      <c r="H56" s="20"/>
      <c r="I56" s="16">
        <v>764</v>
      </c>
      <c r="J56" s="22">
        <v>248</v>
      </c>
      <c r="K56" s="22">
        <v>516</v>
      </c>
    </row>
    <row r="57" spans="1:11" ht="15" customHeight="1">
      <c r="A57" s="20" t="s">
        <v>109</v>
      </c>
      <c r="B57" s="20"/>
      <c r="C57" s="16">
        <v>4153</v>
      </c>
      <c r="D57" s="22">
        <v>1951</v>
      </c>
      <c r="E57" s="22">
        <v>2202</v>
      </c>
      <c r="F57" s="22"/>
      <c r="G57" s="21" t="s">
        <v>110</v>
      </c>
      <c r="H57" s="20"/>
      <c r="I57" s="16">
        <v>573</v>
      </c>
      <c r="J57" s="22">
        <v>141</v>
      </c>
      <c r="K57" s="22">
        <v>432</v>
      </c>
    </row>
    <row r="58" spans="1:11" ht="15" customHeight="1">
      <c r="A58" s="20" t="s">
        <v>111</v>
      </c>
      <c r="B58" s="20"/>
      <c r="C58" s="16">
        <v>4184</v>
      </c>
      <c r="D58" s="22">
        <v>2049</v>
      </c>
      <c r="E58" s="22">
        <v>2135</v>
      </c>
      <c r="F58" s="22"/>
      <c r="G58" s="21" t="s">
        <v>112</v>
      </c>
      <c r="H58" s="20"/>
      <c r="I58" s="16">
        <v>555</v>
      </c>
      <c r="J58" s="22">
        <v>135</v>
      </c>
      <c r="K58" s="22">
        <v>420</v>
      </c>
    </row>
    <row r="59" spans="1:11" ht="20.100000000000001" customHeight="1">
      <c r="A59" s="20" t="s">
        <v>113</v>
      </c>
      <c r="B59" s="20"/>
      <c r="C59" s="16">
        <v>24022</v>
      </c>
      <c r="D59" s="17">
        <v>11417</v>
      </c>
      <c r="E59" s="17">
        <v>12605</v>
      </c>
      <c r="F59" s="17"/>
      <c r="G59" s="21" t="s">
        <v>114</v>
      </c>
      <c r="H59" s="20"/>
      <c r="I59" s="16">
        <v>1129</v>
      </c>
      <c r="J59" s="17">
        <v>231</v>
      </c>
      <c r="K59" s="17">
        <v>898</v>
      </c>
    </row>
    <row r="60" spans="1:11" ht="15" customHeight="1">
      <c r="A60" s="20" t="s">
        <v>115</v>
      </c>
      <c r="B60" s="20"/>
      <c r="C60" s="16">
        <v>4350</v>
      </c>
      <c r="D60" s="22">
        <v>2074</v>
      </c>
      <c r="E60" s="22">
        <v>2276</v>
      </c>
      <c r="F60" s="22"/>
      <c r="G60" s="21" t="s">
        <v>116</v>
      </c>
      <c r="H60" s="20"/>
      <c r="I60" s="16">
        <v>368</v>
      </c>
      <c r="J60" s="22">
        <v>92</v>
      </c>
      <c r="K60" s="22">
        <v>276</v>
      </c>
    </row>
    <row r="61" spans="1:11" ht="15" customHeight="1">
      <c r="A61" s="20" t="s">
        <v>117</v>
      </c>
      <c r="B61" s="20"/>
      <c r="C61" s="16">
        <v>4553</v>
      </c>
      <c r="D61" s="22">
        <v>2183</v>
      </c>
      <c r="E61" s="22">
        <v>2370</v>
      </c>
      <c r="F61" s="22"/>
      <c r="G61" s="21" t="s">
        <v>118</v>
      </c>
      <c r="H61" s="20"/>
      <c r="I61" s="16">
        <v>297</v>
      </c>
      <c r="J61" s="22">
        <v>63</v>
      </c>
      <c r="K61" s="22">
        <v>234</v>
      </c>
    </row>
    <row r="62" spans="1:11" ht="15" customHeight="1">
      <c r="A62" s="20" t="s">
        <v>119</v>
      </c>
      <c r="B62" s="20"/>
      <c r="C62" s="16">
        <v>4693</v>
      </c>
      <c r="D62" s="22">
        <v>2242</v>
      </c>
      <c r="E62" s="22">
        <v>2451</v>
      </c>
      <c r="F62" s="22"/>
      <c r="G62" s="21" t="s">
        <v>120</v>
      </c>
      <c r="H62" s="20"/>
      <c r="I62" s="16">
        <v>225</v>
      </c>
      <c r="J62" s="22">
        <v>42</v>
      </c>
      <c r="K62" s="22">
        <v>183</v>
      </c>
    </row>
    <row r="63" spans="1:11" ht="15" customHeight="1">
      <c r="A63" s="20" t="s">
        <v>121</v>
      </c>
      <c r="B63" s="20"/>
      <c r="C63" s="16">
        <v>5004</v>
      </c>
      <c r="D63" s="22">
        <v>2351</v>
      </c>
      <c r="E63" s="22">
        <v>2653</v>
      </c>
      <c r="F63" s="22"/>
      <c r="G63" s="21" t="s">
        <v>122</v>
      </c>
      <c r="H63" s="20"/>
      <c r="I63" s="16">
        <v>138</v>
      </c>
      <c r="J63" s="22">
        <v>22</v>
      </c>
      <c r="K63" s="22">
        <v>116</v>
      </c>
    </row>
    <row r="64" spans="1:11" ht="15" customHeight="1">
      <c r="A64" s="20" t="s">
        <v>123</v>
      </c>
      <c r="B64" s="20"/>
      <c r="C64" s="16">
        <v>5422</v>
      </c>
      <c r="D64" s="22">
        <v>2567</v>
      </c>
      <c r="E64" s="22">
        <v>2855</v>
      </c>
      <c r="F64" s="22"/>
      <c r="G64" s="21" t="s">
        <v>124</v>
      </c>
      <c r="H64" s="20"/>
      <c r="I64" s="16">
        <v>101</v>
      </c>
      <c r="J64" s="22">
        <v>12</v>
      </c>
      <c r="K64" s="22">
        <v>89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200</v>
      </c>
      <c r="J65" s="22">
        <v>26</v>
      </c>
      <c r="K65" s="22">
        <v>174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6400</v>
      </c>
      <c r="J66" s="32">
        <v>3886</v>
      </c>
      <c r="K66" s="32">
        <v>2514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27</v>
      </c>
      <c r="B2" s="7"/>
      <c r="C2" s="9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3769595</v>
      </c>
      <c r="D4" s="17">
        <v>1859476</v>
      </c>
      <c r="E4" s="17">
        <v>1910119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26636</v>
      </c>
      <c r="D5" s="17">
        <v>64795</v>
      </c>
      <c r="E5" s="17">
        <v>61841</v>
      </c>
      <c r="F5" s="17"/>
      <c r="G5" s="21" t="s">
        <v>6</v>
      </c>
      <c r="H5" s="20"/>
      <c r="I5" s="16">
        <v>317153</v>
      </c>
      <c r="J5" s="17">
        <v>159991</v>
      </c>
      <c r="K5" s="17">
        <v>157162</v>
      </c>
    </row>
    <row r="6" spans="1:11" ht="15" customHeight="1">
      <c r="A6" s="20" t="s">
        <v>7</v>
      </c>
      <c r="B6" s="20"/>
      <c r="C6" s="16">
        <v>23910</v>
      </c>
      <c r="D6" s="22">
        <v>12088</v>
      </c>
      <c r="E6" s="22">
        <v>11822</v>
      </c>
      <c r="F6" s="22"/>
      <c r="G6" s="21" t="s">
        <v>8</v>
      </c>
      <c r="H6" s="20"/>
      <c r="I6" s="16">
        <v>64676</v>
      </c>
      <c r="J6" s="22">
        <v>32372</v>
      </c>
      <c r="K6" s="22">
        <v>32304</v>
      </c>
    </row>
    <row r="7" spans="1:11" ht="15" customHeight="1">
      <c r="A7" s="20" t="s">
        <v>9</v>
      </c>
      <c r="B7" s="20"/>
      <c r="C7" s="16">
        <v>25016</v>
      </c>
      <c r="D7" s="22">
        <v>12837</v>
      </c>
      <c r="E7" s="22">
        <v>12179</v>
      </c>
      <c r="F7" s="22"/>
      <c r="G7" s="21" t="s">
        <v>10</v>
      </c>
      <c r="H7" s="20"/>
      <c r="I7" s="16">
        <v>64153</v>
      </c>
      <c r="J7" s="22">
        <v>32050</v>
      </c>
      <c r="K7" s="22">
        <v>32103</v>
      </c>
    </row>
    <row r="8" spans="1:11" ht="15" customHeight="1">
      <c r="A8" s="20" t="s">
        <v>11</v>
      </c>
      <c r="B8" s="20"/>
      <c r="C8" s="16">
        <v>24907</v>
      </c>
      <c r="D8" s="22">
        <v>12812</v>
      </c>
      <c r="E8" s="22">
        <v>12095</v>
      </c>
      <c r="F8" s="22"/>
      <c r="G8" s="21" t="s">
        <v>12</v>
      </c>
      <c r="H8" s="20"/>
      <c r="I8" s="16">
        <v>64055</v>
      </c>
      <c r="J8" s="22">
        <v>32189</v>
      </c>
      <c r="K8" s="22">
        <v>31866</v>
      </c>
    </row>
    <row r="9" spans="1:11" ht="15" customHeight="1">
      <c r="A9" s="20" t="s">
        <v>13</v>
      </c>
      <c r="B9" s="20"/>
      <c r="C9" s="16">
        <v>25739</v>
      </c>
      <c r="D9" s="22">
        <v>13159</v>
      </c>
      <c r="E9" s="22">
        <v>12580</v>
      </c>
      <c r="F9" s="22"/>
      <c r="G9" s="21" t="s">
        <v>14</v>
      </c>
      <c r="H9" s="20"/>
      <c r="I9" s="16">
        <v>62437</v>
      </c>
      <c r="J9" s="22">
        <v>31785</v>
      </c>
      <c r="K9" s="22">
        <v>30652</v>
      </c>
    </row>
    <row r="10" spans="1:11" ht="15" customHeight="1">
      <c r="A10" s="20" t="s">
        <v>15</v>
      </c>
      <c r="B10" s="20"/>
      <c r="C10" s="16">
        <v>27064</v>
      </c>
      <c r="D10" s="22">
        <v>13899</v>
      </c>
      <c r="E10" s="22">
        <v>13165</v>
      </c>
      <c r="F10" s="22"/>
      <c r="G10" s="21" t="s">
        <v>16</v>
      </c>
      <c r="H10" s="20"/>
      <c r="I10" s="16">
        <v>61832</v>
      </c>
      <c r="J10" s="22">
        <v>31595</v>
      </c>
      <c r="K10" s="22">
        <v>30237</v>
      </c>
    </row>
    <row r="11" spans="1:11" ht="20.100000000000001" customHeight="1">
      <c r="A11" s="20" t="s">
        <v>17</v>
      </c>
      <c r="B11" s="20"/>
      <c r="C11" s="16">
        <v>144925</v>
      </c>
      <c r="D11" s="17">
        <v>74270</v>
      </c>
      <c r="E11" s="17">
        <v>70655</v>
      </c>
      <c r="F11" s="17"/>
      <c r="G11" s="21" t="s">
        <v>18</v>
      </c>
      <c r="H11" s="20"/>
      <c r="I11" s="16">
        <v>268875</v>
      </c>
      <c r="J11" s="17">
        <v>138316</v>
      </c>
      <c r="K11" s="17">
        <v>130559</v>
      </c>
    </row>
    <row r="12" spans="1:11" ht="15" customHeight="1">
      <c r="A12" s="20" t="s">
        <v>19</v>
      </c>
      <c r="B12" s="20"/>
      <c r="C12" s="16">
        <v>27562</v>
      </c>
      <c r="D12" s="22">
        <v>14084</v>
      </c>
      <c r="E12" s="22">
        <v>13478</v>
      </c>
      <c r="F12" s="22"/>
      <c r="G12" s="21" t="s">
        <v>20</v>
      </c>
      <c r="H12" s="20"/>
      <c r="I12" s="16">
        <v>63451</v>
      </c>
      <c r="J12" s="22">
        <v>32562</v>
      </c>
      <c r="K12" s="22">
        <v>30889</v>
      </c>
    </row>
    <row r="13" spans="1:11" ht="15" customHeight="1">
      <c r="A13" s="20" t="s">
        <v>21</v>
      </c>
      <c r="B13" s="20"/>
      <c r="C13" s="16">
        <v>28439</v>
      </c>
      <c r="D13" s="22">
        <v>14508</v>
      </c>
      <c r="E13" s="22">
        <v>13931</v>
      </c>
      <c r="F13" s="22"/>
      <c r="G13" s="21" t="s">
        <v>22</v>
      </c>
      <c r="H13" s="20"/>
      <c r="I13" s="16">
        <v>45320</v>
      </c>
      <c r="J13" s="22">
        <v>23185</v>
      </c>
      <c r="K13" s="22">
        <v>22135</v>
      </c>
    </row>
    <row r="14" spans="1:11" ht="15" customHeight="1">
      <c r="A14" s="20" t="s">
        <v>23</v>
      </c>
      <c r="B14" s="20"/>
      <c r="C14" s="16">
        <v>29586</v>
      </c>
      <c r="D14" s="22">
        <v>15145</v>
      </c>
      <c r="E14" s="22">
        <v>14441</v>
      </c>
      <c r="F14" s="22"/>
      <c r="G14" s="21" t="s">
        <v>24</v>
      </c>
      <c r="H14" s="20"/>
      <c r="I14" s="16">
        <v>57682</v>
      </c>
      <c r="J14" s="22">
        <v>29845</v>
      </c>
      <c r="K14" s="22">
        <v>27837</v>
      </c>
    </row>
    <row r="15" spans="1:11" ht="15" customHeight="1">
      <c r="A15" s="20" t="s">
        <v>25</v>
      </c>
      <c r="B15" s="20"/>
      <c r="C15" s="16">
        <v>29471</v>
      </c>
      <c r="D15" s="22">
        <v>15167</v>
      </c>
      <c r="E15" s="22">
        <v>14304</v>
      </c>
      <c r="F15" s="22"/>
      <c r="G15" s="21" t="s">
        <v>26</v>
      </c>
      <c r="H15" s="20"/>
      <c r="I15" s="16">
        <v>52755</v>
      </c>
      <c r="J15" s="22">
        <v>27048</v>
      </c>
      <c r="K15" s="22">
        <v>25707</v>
      </c>
    </row>
    <row r="16" spans="1:11" ht="15" customHeight="1">
      <c r="A16" s="20" t="s">
        <v>27</v>
      </c>
      <c r="B16" s="20"/>
      <c r="C16" s="16">
        <v>29867</v>
      </c>
      <c r="D16" s="22">
        <v>15366</v>
      </c>
      <c r="E16" s="22">
        <v>14501</v>
      </c>
      <c r="F16" s="22"/>
      <c r="G16" s="21" t="s">
        <v>28</v>
      </c>
      <c r="H16" s="20"/>
      <c r="I16" s="16">
        <v>49667</v>
      </c>
      <c r="J16" s="22">
        <v>25676</v>
      </c>
      <c r="K16" s="22">
        <v>23991</v>
      </c>
    </row>
    <row r="17" spans="1:11" ht="20.100000000000001" customHeight="1">
      <c r="A17" s="24" t="s">
        <v>29</v>
      </c>
      <c r="B17" s="24"/>
      <c r="C17" s="16">
        <v>155122</v>
      </c>
      <c r="D17" s="17">
        <v>79515</v>
      </c>
      <c r="E17" s="17">
        <v>75607</v>
      </c>
      <c r="F17" s="17"/>
      <c r="G17" s="21" t="s">
        <v>30</v>
      </c>
      <c r="H17" s="20"/>
      <c r="I17" s="16">
        <v>213984</v>
      </c>
      <c r="J17" s="17">
        <v>109057</v>
      </c>
      <c r="K17" s="17">
        <v>104927</v>
      </c>
    </row>
    <row r="18" spans="1:11" ht="15" customHeight="1">
      <c r="A18" s="20" t="s">
        <v>31</v>
      </c>
      <c r="B18" s="20"/>
      <c r="C18" s="16">
        <v>30634</v>
      </c>
      <c r="D18" s="22">
        <v>15622</v>
      </c>
      <c r="E18" s="22">
        <v>15012</v>
      </c>
      <c r="F18" s="22"/>
      <c r="G18" s="21" t="s">
        <v>32</v>
      </c>
      <c r="H18" s="20"/>
      <c r="I18" s="16">
        <v>46696</v>
      </c>
      <c r="J18" s="22">
        <v>23835</v>
      </c>
      <c r="K18" s="22">
        <v>22861</v>
      </c>
    </row>
    <row r="19" spans="1:11" ht="15" customHeight="1">
      <c r="A19" s="20" t="s">
        <v>33</v>
      </c>
      <c r="B19" s="20"/>
      <c r="C19" s="16">
        <v>30230</v>
      </c>
      <c r="D19" s="22">
        <v>15518</v>
      </c>
      <c r="E19" s="22">
        <v>14712</v>
      </c>
      <c r="F19" s="22"/>
      <c r="G19" s="21" t="s">
        <v>34</v>
      </c>
      <c r="H19" s="20"/>
      <c r="I19" s="16">
        <v>43849</v>
      </c>
      <c r="J19" s="22">
        <v>22592</v>
      </c>
      <c r="K19" s="22">
        <v>21257</v>
      </c>
    </row>
    <row r="20" spans="1:11" ht="15" customHeight="1">
      <c r="A20" s="20" t="s">
        <v>35</v>
      </c>
      <c r="B20" s="20"/>
      <c r="C20" s="16">
        <v>31350</v>
      </c>
      <c r="D20" s="22">
        <v>16035</v>
      </c>
      <c r="E20" s="22">
        <v>15315</v>
      </c>
      <c r="F20" s="22"/>
      <c r="G20" s="21" t="s">
        <v>36</v>
      </c>
      <c r="H20" s="20"/>
      <c r="I20" s="16">
        <v>42652</v>
      </c>
      <c r="J20" s="22">
        <v>21563</v>
      </c>
      <c r="K20" s="22">
        <v>21089</v>
      </c>
    </row>
    <row r="21" spans="1:11" ht="15" customHeight="1">
      <c r="A21" s="20" t="s">
        <v>37</v>
      </c>
      <c r="B21" s="20"/>
      <c r="C21" s="16">
        <v>31342</v>
      </c>
      <c r="D21" s="22">
        <v>15984</v>
      </c>
      <c r="E21" s="22">
        <v>15358</v>
      </c>
      <c r="F21" s="22"/>
      <c r="G21" s="21" t="s">
        <v>38</v>
      </c>
      <c r="H21" s="20"/>
      <c r="I21" s="16">
        <v>40924</v>
      </c>
      <c r="J21" s="22">
        <v>20986</v>
      </c>
      <c r="K21" s="22">
        <v>19938</v>
      </c>
    </row>
    <row r="22" spans="1:11" ht="15" customHeight="1">
      <c r="A22" s="20" t="s">
        <v>39</v>
      </c>
      <c r="B22" s="20"/>
      <c r="C22" s="16">
        <v>31566</v>
      </c>
      <c r="D22" s="22">
        <v>16356</v>
      </c>
      <c r="E22" s="22">
        <v>15210</v>
      </c>
      <c r="F22" s="22"/>
      <c r="G22" s="21" t="s">
        <v>40</v>
      </c>
      <c r="H22" s="20"/>
      <c r="I22" s="16">
        <v>39863</v>
      </c>
      <c r="J22" s="22">
        <v>20081</v>
      </c>
      <c r="K22" s="22">
        <v>19782</v>
      </c>
    </row>
    <row r="23" spans="1:11" ht="20.100000000000001" customHeight="1">
      <c r="A23" s="20" t="s">
        <v>41</v>
      </c>
      <c r="B23" s="20"/>
      <c r="C23" s="16">
        <v>161149</v>
      </c>
      <c r="D23" s="17">
        <v>82728</v>
      </c>
      <c r="E23" s="17">
        <v>78421</v>
      </c>
      <c r="F23" s="17"/>
      <c r="G23" s="21" t="s">
        <v>42</v>
      </c>
      <c r="H23" s="20"/>
      <c r="I23" s="16">
        <v>186640</v>
      </c>
      <c r="J23" s="17">
        <v>92050</v>
      </c>
      <c r="K23" s="17">
        <v>94590</v>
      </c>
    </row>
    <row r="24" spans="1:11" ht="15" customHeight="1">
      <c r="A24" s="20" t="s">
        <v>43</v>
      </c>
      <c r="B24" s="20"/>
      <c r="C24" s="16">
        <v>31638</v>
      </c>
      <c r="D24" s="22">
        <v>16321</v>
      </c>
      <c r="E24" s="22">
        <v>15317</v>
      </c>
      <c r="F24" s="22"/>
      <c r="G24" s="21" t="s">
        <v>44</v>
      </c>
      <c r="H24" s="20"/>
      <c r="I24" s="16">
        <v>36768</v>
      </c>
      <c r="J24" s="22">
        <v>18238</v>
      </c>
      <c r="K24" s="22">
        <v>18530</v>
      </c>
    </row>
    <row r="25" spans="1:11" ht="15" customHeight="1">
      <c r="A25" s="20" t="s">
        <v>45</v>
      </c>
      <c r="B25" s="20"/>
      <c r="C25" s="16">
        <v>31929</v>
      </c>
      <c r="D25" s="22">
        <v>16446</v>
      </c>
      <c r="E25" s="22">
        <v>15483</v>
      </c>
      <c r="F25" s="22"/>
      <c r="G25" s="21" t="s">
        <v>46</v>
      </c>
      <c r="H25" s="20"/>
      <c r="I25" s="16">
        <v>37120</v>
      </c>
      <c r="J25" s="22">
        <v>18560</v>
      </c>
      <c r="K25" s="22">
        <v>18560</v>
      </c>
    </row>
    <row r="26" spans="1:11" ht="15" customHeight="1">
      <c r="A26" s="20" t="s">
        <v>47</v>
      </c>
      <c r="B26" s="20"/>
      <c r="C26" s="16">
        <v>30502</v>
      </c>
      <c r="D26" s="22">
        <v>15603</v>
      </c>
      <c r="E26" s="22">
        <v>14899</v>
      </c>
      <c r="F26" s="22"/>
      <c r="G26" s="21" t="s">
        <v>48</v>
      </c>
      <c r="H26" s="20"/>
      <c r="I26" s="16">
        <v>37714</v>
      </c>
      <c r="J26" s="22">
        <v>18702</v>
      </c>
      <c r="K26" s="22">
        <v>19012</v>
      </c>
    </row>
    <row r="27" spans="1:11" ht="15" customHeight="1">
      <c r="A27" s="20" t="s">
        <v>49</v>
      </c>
      <c r="B27" s="20"/>
      <c r="C27" s="16">
        <v>32621</v>
      </c>
      <c r="D27" s="22">
        <v>16720</v>
      </c>
      <c r="E27" s="22">
        <v>15901</v>
      </c>
      <c r="F27" s="22"/>
      <c r="G27" s="21" t="s">
        <v>50</v>
      </c>
      <c r="H27" s="20"/>
      <c r="I27" s="16">
        <v>37189</v>
      </c>
      <c r="J27" s="22">
        <v>18278</v>
      </c>
      <c r="K27" s="22">
        <v>18911</v>
      </c>
    </row>
    <row r="28" spans="1:11" ht="15" customHeight="1">
      <c r="A28" s="20" t="s">
        <v>51</v>
      </c>
      <c r="B28" s="20"/>
      <c r="C28" s="16">
        <v>34459</v>
      </c>
      <c r="D28" s="22">
        <v>17638</v>
      </c>
      <c r="E28" s="22">
        <v>16821</v>
      </c>
      <c r="F28" s="22"/>
      <c r="G28" s="21" t="s">
        <v>52</v>
      </c>
      <c r="H28" s="20"/>
      <c r="I28" s="16">
        <v>37849</v>
      </c>
      <c r="J28" s="22">
        <v>18272</v>
      </c>
      <c r="K28" s="22">
        <v>19577</v>
      </c>
    </row>
    <row r="29" spans="1:11" ht="20.100000000000001" customHeight="1">
      <c r="A29" s="20" t="s">
        <v>53</v>
      </c>
      <c r="B29" s="20"/>
      <c r="C29" s="16">
        <v>203201</v>
      </c>
      <c r="D29" s="17">
        <v>102901</v>
      </c>
      <c r="E29" s="17">
        <v>100300</v>
      </c>
      <c r="F29" s="17"/>
      <c r="G29" s="21" t="s">
        <v>54</v>
      </c>
      <c r="H29" s="20"/>
      <c r="I29" s="16">
        <v>229522</v>
      </c>
      <c r="J29" s="17">
        <v>109395</v>
      </c>
      <c r="K29" s="17">
        <v>120127</v>
      </c>
    </row>
    <row r="30" spans="1:11" ht="15" customHeight="1">
      <c r="A30" s="20" t="s">
        <v>55</v>
      </c>
      <c r="B30" s="20"/>
      <c r="C30" s="16">
        <v>36050</v>
      </c>
      <c r="D30" s="22">
        <v>18210</v>
      </c>
      <c r="E30" s="22">
        <v>17840</v>
      </c>
      <c r="F30" s="22"/>
      <c r="G30" s="21" t="s">
        <v>56</v>
      </c>
      <c r="H30" s="20"/>
      <c r="I30" s="16">
        <v>40775</v>
      </c>
      <c r="J30" s="22">
        <v>19817</v>
      </c>
      <c r="K30" s="22">
        <v>20958</v>
      </c>
    </row>
    <row r="31" spans="1:11" ht="15" customHeight="1">
      <c r="A31" s="20" t="s">
        <v>57</v>
      </c>
      <c r="B31" s="20"/>
      <c r="C31" s="16">
        <v>39442</v>
      </c>
      <c r="D31" s="22">
        <v>20235</v>
      </c>
      <c r="E31" s="22">
        <v>19207</v>
      </c>
      <c r="F31" s="22"/>
      <c r="G31" s="21" t="s">
        <v>58</v>
      </c>
      <c r="H31" s="20"/>
      <c r="I31" s="16">
        <v>41925</v>
      </c>
      <c r="J31" s="22">
        <v>20444</v>
      </c>
      <c r="K31" s="22">
        <v>21481</v>
      </c>
    </row>
    <row r="32" spans="1:11" ht="15" customHeight="1">
      <c r="A32" s="20" t="s">
        <v>59</v>
      </c>
      <c r="B32" s="20"/>
      <c r="C32" s="16">
        <v>41413</v>
      </c>
      <c r="D32" s="22">
        <v>20882</v>
      </c>
      <c r="E32" s="22">
        <v>20531</v>
      </c>
      <c r="F32" s="22"/>
      <c r="G32" s="21" t="s">
        <v>60</v>
      </c>
      <c r="H32" s="20"/>
      <c r="I32" s="16">
        <v>45024</v>
      </c>
      <c r="J32" s="22">
        <v>21466</v>
      </c>
      <c r="K32" s="22">
        <v>23558</v>
      </c>
    </row>
    <row r="33" spans="1:11" ht="15" customHeight="1">
      <c r="A33" s="20" t="s">
        <v>61</v>
      </c>
      <c r="B33" s="20"/>
      <c r="C33" s="16">
        <v>42590</v>
      </c>
      <c r="D33" s="22">
        <v>21440</v>
      </c>
      <c r="E33" s="22">
        <v>21150</v>
      </c>
      <c r="F33" s="22"/>
      <c r="G33" s="21" t="s">
        <v>62</v>
      </c>
      <c r="H33" s="20"/>
      <c r="I33" s="16">
        <v>51610</v>
      </c>
      <c r="J33" s="22">
        <v>24371</v>
      </c>
      <c r="K33" s="22">
        <v>27239</v>
      </c>
    </row>
    <row r="34" spans="1:11" ht="15" customHeight="1">
      <c r="A34" s="20" t="s">
        <v>63</v>
      </c>
      <c r="B34" s="20"/>
      <c r="C34" s="16">
        <v>43706</v>
      </c>
      <c r="D34" s="22">
        <v>22134</v>
      </c>
      <c r="E34" s="22">
        <v>21572</v>
      </c>
      <c r="F34" s="22"/>
      <c r="G34" s="21" t="s">
        <v>64</v>
      </c>
      <c r="H34" s="20"/>
      <c r="I34" s="16">
        <v>50188</v>
      </c>
      <c r="J34" s="22">
        <v>23297</v>
      </c>
      <c r="K34" s="22">
        <v>26891</v>
      </c>
    </row>
    <row r="35" spans="1:11" ht="20.100000000000001" customHeight="1">
      <c r="A35" s="20" t="s">
        <v>65</v>
      </c>
      <c r="B35" s="20"/>
      <c r="C35" s="16">
        <v>203929</v>
      </c>
      <c r="D35" s="17">
        <v>103657</v>
      </c>
      <c r="E35" s="17">
        <v>100272</v>
      </c>
      <c r="F35" s="17"/>
      <c r="G35" s="21" t="s">
        <v>66</v>
      </c>
      <c r="H35" s="20"/>
      <c r="I35" s="16">
        <v>189692</v>
      </c>
      <c r="J35" s="17">
        <v>85406</v>
      </c>
      <c r="K35" s="17">
        <v>104286</v>
      </c>
    </row>
    <row r="36" spans="1:11" ht="15" customHeight="1">
      <c r="A36" s="20" t="s">
        <v>67</v>
      </c>
      <c r="B36" s="20"/>
      <c r="C36" s="16">
        <v>42199</v>
      </c>
      <c r="D36" s="22">
        <v>21337</v>
      </c>
      <c r="E36" s="22">
        <v>20862</v>
      </c>
      <c r="F36" s="22"/>
      <c r="G36" s="21" t="s">
        <v>68</v>
      </c>
      <c r="H36" s="20"/>
      <c r="I36" s="16">
        <v>50122</v>
      </c>
      <c r="J36" s="22">
        <v>23328</v>
      </c>
      <c r="K36" s="22">
        <v>26794</v>
      </c>
    </row>
    <row r="37" spans="1:11" ht="15" customHeight="1">
      <c r="A37" s="20" t="s">
        <v>69</v>
      </c>
      <c r="B37" s="20"/>
      <c r="C37" s="16">
        <v>41564</v>
      </c>
      <c r="D37" s="22">
        <v>21214</v>
      </c>
      <c r="E37" s="22">
        <v>20350</v>
      </c>
      <c r="F37" s="22"/>
      <c r="G37" s="21" t="s">
        <v>70</v>
      </c>
      <c r="H37" s="20"/>
      <c r="I37" s="16">
        <v>33832</v>
      </c>
      <c r="J37" s="22">
        <v>15457</v>
      </c>
      <c r="K37" s="22">
        <v>18375</v>
      </c>
    </row>
    <row r="38" spans="1:11" ht="15" customHeight="1">
      <c r="A38" s="20" t="s">
        <v>71</v>
      </c>
      <c r="B38" s="20"/>
      <c r="C38" s="16">
        <v>40224</v>
      </c>
      <c r="D38" s="22">
        <v>20581</v>
      </c>
      <c r="E38" s="22">
        <v>19643</v>
      </c>
      <c r="F38" s="22"/>
      <c r="G38" s="21" t="s">
        <v>72</v>
      </c>
      <c r="H38" s="20"/>
      <c r="I38" s="16">
        <v>30612</v>
      </c>
      <c r="J38" s="22">
        <v>13767</v>
      </c>
      <c r="K38" s="22">
        <v>16845</v>
      </c>
    </row>
    <row r="39" spans="1:11" ht="15" customHeight="1">
      <c r="A39" s="20" t="s">
        <v>73</v>
      </c>
      <c r="B39" s="20"/>
      <c r="C39" s="16">
        <v>41225</v>
      </c>
      <c r="D39" s="22">
        <v>20880</v>
      </c>
      <c r="E39" s="22">
        <v>20345</v>
      </c>
      <c r="F39" s="22"/>
      <c r="G39" s="21" t="s">
        <v>74</v>
      </c>
      <c r="H39" s="20"/>
      <c r="I39" s="16">
        <v>36741</v>
      </c>
      <c r="J39" s="22">
        <v>16200</v>
      </c>
      <c r="K39" s="22">
        <v>20541</v>
      </c>
    </row>
    <row r="40" spans="1:11" ht="15" customHeight="1">
      <c r="A40" s="20" t="s">
        <v>75</v>
      </c>
      <c r="B40" s="20"/>
      <c r="C40" s="16">
        <v>38717</v>
      </c>
      <c r="D40" s="22">
        <v>19645</v>
      </c>
      <c r="E40" s="22">
        <v>19072</v>
      </c>
      <c r="F40" s="22"/>
      <c r="G40" s="21" t="s">
        <v>76</v>
      </c>
      <c r="H40" s="20"/>
      <c r="I40" s="16">
        <v>38385</v>
      </c>
      <c r="J40" s="22">
        <v>16654</v>
      </c>
      <c r="K40" s="22">
        <v>21731</v>
      </c>
    </row>
    <row r="41" spans="1:11" ht="20.100000000000001" customHeight="1">
      <c r="A41" s="20" t="s">
        <v>77</v>
      </c>
      <c r="B41" s="20"/>
      <c r="C41" s="16">
        <v>196518</v>
      </c>
      <c r="D41" s="17">
        <v>99990</v>
      </c>
      <c r="E41" s="17">
        <v>96528</v>
      </c>
      <c r="F41" s="17"/>
      <c r="G41" s="21" t="s">
        <v>78</v>
      </c>
      <c r="H41" s="20"/>
      <c r="I41" s="16">
        <v>154426</v>
      </c>
      <c r="J41" s="17">
        <v>65343</v>
      </c>
      <c r="K41" s="17">
        <v>89083</v>
      </c>
    </row>
    <row r="42" spans="1:11" ht="15" customHeight="1">
      <c r="A42" s="20" t="s">
        <v>79</v>
      </c>
      <c r="B42" s="20"/>
      <c r="C42" s="16">
        <v>38685</v>
      </c>
      <c r="D42" s="22">
        <v>19744</v>
      </c>
      <c r="E42" s="22">
        <v>18941</v>
      </c>
      <c r="F42" s="22"/>
      <c r="G42" s="21" t="s">
        <v>80</v>
      </c>
      <c r="H42" s="20"/>
      <c r="I42" s="16">
        <v>36177</v>
      </c>
      <c r="J42" s="22">
        <v>15649</v>
      </c>
      <c r="K42" s="22">
        <v>20528</v>
      </c>
    </row>
    <row r="43" spans="1:11" ht="15" customHeight="1">
      <c r="A43" s="20" t="s">
        <v>81</v>
      </c>
      <c r="B43" s="20"/>
      <c r="C43" s="16">
        <v>39084</v>
      </c>
      <c r="D43" s="22">
        <v>19940</v>
      </c>
      <c r="E43" s="22">
        <v>19144</v>
      </c>
      <c r="F43" s="22"/>
      <c r="G43" s="21" t="s">
        <v>82</v>
      </c>
      <c r="H43" s="20"/>
      <c r="I43" s="16">
        <v>35494</v>
      </c>
      <c r="J43" s="22">
        <v>15060</v>
      </c>
      <c r="K43" s="22">
        <v>20434</v>
      </c>
    </row>
    <row r="44" spans="1:11" ht="15" customHeight="1">
      <c r="A44" s="20" t="s">
        <v>83</v>
      </c>
      <c r="B44" s="20"/>
      <c r="C44" s="16">
        <v>38985</v>
      </c>
      <c r="D44" s="22">
        <v>19809</v>
      </c>
      <c r="E44" s="22">
        <v>19176</v>
      </c>
      <c r="F44" s="22"/>
      <c r="G44" s="21" t="s">
        <v>84</v>
      </c>
      <c r="H44" s="20"/>
      <c r="I44" s="16">
        <v>31604</v>
      </c>
      <c r="J44" s="22">
        <v>13227</v>
      </c>
      <c r="K44" s="22">
        <v>18377</v>
      </c>
    </row>
    <row r="45" spans="1:11" ht="15" customHeight="1">
      <c r="A45" s="20" t="s">
        <v>85</v>
      </c>
      <c r="B45" s="20"/>
      <c r="C45" s="16">
        <v>38530</v>
      </c>
      <c r="D45" s="22">
        <v>19525</v>
      </c>
      <c r="E45" s="22">
        <v>19005</v>
      </c>
      <c r="F45" s="22"/>
      <c r="G45" s="21" t="s">
        <v>86</v>
      </c>
      <c r="H45" s="20"/>
      <c r="I45" s="16">
        <v>26741</v>
      </c>
      <c r="J45" s="22">
        <v>11108</v>
      </c>
      <c r="K45" s="22">
        <v>15633</v>
      </c>
    </row>
    <row r="46" spans="1:11" ht="15" customHeight="1">
      <c r="A46" s="20" t="s">
        <v>87</v>
      </c>
      <c r="B46" s="20"/>
      <c r="C46" s="16">
        <v>41234</v>
      </c>
      <c r="D46" s="22">
        <v>20972</v>
      </c>
      <c r="E46" s="22">
        <v>20262</v>
      </c>
      <c r="F46" s="22"/>
      <c r="G46" s="21" t="s">
        <v>88</v>
      </c>
      <c r="H46" s="20"/>
      <c r="I46" s="16">
        <v>24410</v>
      </c>
      <c r="J46" s="22">
        <v>10299</v>
      </c>
      <c r="K46" s="22">
        <v>14111</v>
      </c>
    </row>
    <row r="47" spans="1:11" ht="20.100000000000001" customHeight="1">
      <c r="A47" s="20" t="s">
        <v>89</v>
      </c>
      <c r="B47" s="20"/>
      <c r="C47" s="16">
        <v>217149</v>
      </c>
      <c r="D47" s="17">
        <v>110494</v>
      </c>
      <c r="E47" s="17">
        <v>106655</v>
      </c>
      <c r="F47" s="17"/>
      <c r="G47" s="21" t="s">
        <v>90</v>
      </c>
      <c r="H47" s="20"/>
      <c r="I47" s="16">
        <v>104178</v>
      </c>
      <c r="J47" s="17">
        <v>39356</v>
      </c>
      <c r="K47" s="17">
        <v>64822</v>
      </c>
    </row>
    <row r="48" spans="1:11" ht="15" customHeight="1">
      <c r="A48" s="20" t="s">
        <v>91</v>
      </c>
      <c r="B48" s="20"/>
      <c r="C48" s="16">
        <v>40944</v>
      </c>
      <c r="D48" s="22">
        <v>20913</v>
      </c>
      <c r="E48" s="22">
        <v>20031</v>
      </c>
      <c r="F48" s="22"/>
      <c r="G48" s="21" t="s">
        <v>92</v>
      </c>
      <c r="H48" s="20"/>
      <c r="I48" s="16">
        <v>25607</v>
      </c>
      <c r="J48" s="22">
        <v>10236</v>
      </c>
      <c r="K48" s="22">
        <v>15371</v>
      </c>
    </row>
    <row r="49" spans="1:11" ht="15" customHeight="1">
      <c r="A49" s="20" t="s">
        <v>93</v>
      </c>
      <c r="B49" s="20"/>
      <c r="C49" s="16">
        <v>41339</v>
      </c>
      <c r="D49" s="22">
        <v>21018</v>
      </c>
      <c r="E49" s="22">
        <v>20321</v>
      </c>
      <c r="F49" s="22"/>
      <c r="G49" s="21" t="s">
        <v>94</v>
      </c>
      <c r="H49" s="20"/>
      <c r="I49" s="16">
        <v>22985</v>
      </c>
      <c r="J49" s="22">
        <v>8840</v>
      </c>
      <c r="K49" s="22">
        <v>14145</v>
      </c>
    </row>
    <row r="50" spans="1:11" ht="15" customHeight="1">
      <c r="A50" s="20" t="s">
        <v>95</v>
      </c>
      <c r="B50" s="20"/>
      <c r="C50" s="16">
        <v>43491</v>
      </c>
      <c r="D50" s="22">
        <v>21916</v>
      </c>
      <c r="E50" s="22">
        <v>21575</v>
      </c>
      <c r="F50" s="22"/>
      <c r="G50" s="21" t="s">
        <v>96</v>
      </c>
      <c r="H50" s="20"/>
      <c r="I50" s="16">
        <v>21900</v>
      </c>
      <c r="J50" s="22">
        <v>8319</v>
      </c>
      <c r="K50" s="22">
        <v>13581</v>
      </c>
    </row>
    <row r="51" spans="1:11" ht="15" customHeight="1">
      <c r="A51" s="20" t="s">
        <v>97</v>
      </c>
      <c r="B51" s="20"/>
      <c r="C51" s="16">
        <v>45328</v>
      </c>
      <c r="D51" s="22">
        <v>23216</v>
      </c>
      <c r="E51" s="22">
        <v>22112</v>
      </c>
      <c r="F51" s="22"/>
      <c r="G51" s="21" t="s">
        <v>98</v>
      </c>
      <c r="H51" s="20"/>
      <c r="I51" s="16">
        <v>17620</v>
      </c>
      <c r="J51" s="22">
        <v>6431</v>
      </c>
      <c r="K51" s="22">
        <v>11189</v>
      </c>
    </row>
    <row r="52" spans="1:11" ht="15" customHeight="1">
      <c r="A52" s="20" t="s">
        <v>99</v>
      </c>
      <c r="B52" s="20"/>
      <c r="C52" s="16">
        <v>46047</v>
      </c>
      <c r="D52" s="22">
        <v>23431</v>
      </c>
      <c r="E52" s="22">
        <v>22616</v>
      </c>
      <c r="F52" s="22"/>
      <c r="G52" s="21" t="s">
        <v>100</v>
      </c>
      <c r="H52" s="20"/>
      <c r="I52" s="16">
        <v>16066</v>
      </c>
      <c r="J52" s="22">
        <v>5530</v>
      </c>
      <c r="K52" s="22">
        <v>10536</v>
      </c>
    </row>
    <row r="53" spans="1:11" ht="20.100000000000001" customHeight="1">
      <c r="A53" s="20" t="s">
        <v>101</v>
      </c>
      <c r="B53" s="20"/>
      <c r="C53" s="16">
        <v>241943</v>
      </c>
      <c r="D53" s="17">
        <v>122925</v>
      </c>
      <c r="E53" s="17">
        <v>119018</v>
      </c>
      <c r="F53" s="17"/>
      <c r="G53" s="21" t="s">
        <v>102</v>
      </c>
      <c r="H53" s="20"/>
      <c r="I53" s="16">
        <v>48624</v>
      </c>
      <c r="J53" s="17">
        <v>14752</v>
      </c>
      <c r="K53" s="17">
        <v>33872</v>
      </c>
    </row>
    <row r="54" spans="1:11" ht="15" customHeight="1">
      <c r="A54" s="20" t="s">
        <v>103</v>
      </c>
      <c r="B54" s="20"/>
      <c r="C54" s="16">
        <v>46243</v>
      </c>
      <c r="D54" s="22">
        <v>23604</v>
      </c>
      <c r="E54" s="22">
        <v>22639</v>
      </c>
      <c r="F54" s="22"/>
      <c r="G54" s="21" t="s">
        <v>104</v>
      </c>
      <c r="H54" s="20"/>
      <c r="I54" s="16">
        <v>13917</v>
      </c>
      <c r="J54" s="22">
        <v>4664</v>
      </c>
      <c r="K54" s="22">
        <v>9253</v>
      </c>
    </row>
    <row r="55" spans="1:11" ht="15" customHeight="1">
      <c r="A55" s="20" t="s">
        <v>105</v>
      </c>
      <c r="B55" s="20"/>
      <c r="C55" s="16">
        <v>46553</v>
      </c>
      <c r="D55" s="22">
        <v>23685</v>
      </c>
      <c r="E55" s="22">
        <v>22868</v>
      </c>
      <c r="F55" s="22"/>
      <c r="G55" s="21" t="s">
        <v>106</v>
      </c>
      <c r="H55" s="20"/>
      <c r="I55" s="16">
        <v>11507</v>
      </c>
      <c r="J55" s="22">
        <v>3580</v>
      </c>
      <c r="K55" s="22">
        <v>7927</v>
      </c>
    </row>
    <row r="56" spans="1:11" ht="15" customHeight="1">
      <c r="A56" s="20" t="s">
        <v>107</v>
      </c>
      <c r="B56" s="20"/>
      <c r="C56" s="16">
        <v>47907</v>
      </c>
      <c r="D56" s="22">
        <v>24124</v>
      </c>
      <c r="E56" s="22">
        <v>23783</v>
      </c>
      <c r="F56" s="22"/>
      <c r="G56" s="21" t="s">
        <v>108</v>
      </c>
      <c r="H56" s="20"/>
      <c r="I56" s="16">
        <v>9341</v>
      </c>
      <c r="J56" s="22">
        <v>2818</v>
      </c>
      <c r="K56" s="22">
        <v>6523</v>
      </c>
    </row>
    <row r="57" spans="1:11" ht="15" customHeight="1">
      <c r="A57" s="20" t="s">
        <v>109</v>
      </c>
      <c r="B57" s="20"/>
      <c r="C57" s="16">
        <v>49721</v>
      </c>
      <c r="D57" s="22">
        <v>25323</v>
      </c>
      <c r="E57" s="22">
        <v>24398</v>
      </c>
      <c r="F57" s="22"/>
      <c r="G57" s="21" t="s">
        <v>110</v>
      </c>
      <c r="H57" s="20"/>
      <c r="I57" s="16">
        <v>7564</v>
      </c>
      <c r="J57" s="22">
        <v>2066</v>
      </c>
      <c r="K57" s="22">
        <v>5498</v>
      </c>
    </row>
    <row r="58" spans="1:11" ht="15" customHeight="1">
      <c r="A58" s="20" t="s">
        <v>111</v>
      </c>
      <c r="B58" s="20"/>
      <c r="C58" s="16">
        <v>51519</v>
      </c>
      <c r="D58" s="22">
        <v>26189</v>
      </c>
      <c r="E58" s="22">
        <v>25330</v>
      </c>
      <c r="F58" s="22"/>
      <c r="G58" s="21" t="s">
        <v>112</v>
      </c>
      <c r="H58" s="20"/>
      <c r="I58" s="16">
        <v>6295</v>
      </c>
      <c r="J58" s="22">
        <v>1624</v>
      </c>
      <c r="K58" s="22">
        <v>4671</v>
      </c>
    </row>
    <row r="59" spans="1:11" ht="20.100000000000001" customHeight="1">
      <c r="A59" s="20" t="s">
        <v>113</v>
      </c>
      <c r="B59" s="20"/>
      <c r="C59" s="16">
        <v>292835</v>
      </c>
      <c r="D59" s="17">
        <v>147889</v>
      </c>
      <c r="E59" s="17">
        <v>144946</v>
      </c>
      <c r="F59" s="17"/>
      <c r="G59" s="21" t="s">
        <v>114</v>
      </c>
      <c r="H59" s="20"/>
      <c r="I59" s="16">
        <v>12420</v>
      </c>
      <c r="J59" s="17">
        <v>2679</v>
      </c>
      <c r="K59" s="17">
        <v>9741</v>
      </c>
    </row>
    <row r="60" spans="1:11" ht="15" customHeight="1">
      <c r="A60" s="20" t="s">
        <v>115</v>
      </c>
      <c r="B60" s="20"/>
      <c r="C60" s="16">
        <v>53390</v>
      </c>
      <c r="D60" s="22">
        <v>27218</v>
      </c>
      <c r="E60" s="22">
        <v>26172</v>
      </c>
      <c r="F60" s="22"/>
      <c r="G60" s="21" t="s">
        <v>116</v>
      </c>
      <c r="H60" s="20"/>
      <c r="I60" s="16">
        <v>4222</v>
      </c>
      <c r="J60" s="22">
        <v>1032</v>
      </c>
      <c r="K60" s="22">
        <v>3190</v>
      </c>
    </row>
    <row r="61" spans="1:11" ht="15" customHeight="1">
      <c r="A61" s="20" t="s">
        <v>117</v>
      </c>
      <c r="B61" s="20"/>
      <c r="C61" s="16">
        <v>55549</v>
      </c>
      <c r="D61" s="22">
        <v>28073</v>
      </c>
      <c r="E61" s="22">
        <v>27476</v>
      </c>
      <c r="F61" s="22"/>
      <c r="G61" s="21" t="s">
        <v>118</v>
      </c>
      <c r="H61" s="20"/>
      <c r="I61" s="16">
        <v>3184</v>
      </c>
      <c r="J61" s="22">
        <v>720</v>
      </c>
      <c r="K61" s="22">
        <v>2464</v>
      </c>
    </row>
    <row r="62" spans="1:11" ht="15" customHeight="1">
      <c r="A62" s="20" t="s">
        <v>119</v>
      </c>
      <c r="B62" s="20"/>
      <c r="C62" s="16">
        <v>57245</v>
      </c>
      <c r="D62" s="22">
        <v>28961</v>
      </c>
      <c r="E62" s="22">
        <v>28284</v>
      </c>
      <c r="F62" s="22"/>
      <c r="G62" s="21" t="s">
        <v>120</v>
      </c>
      <c r="H62" s="20"/>
      <c r="I62" s="16">
        <v>2410</v>
      </c>
      <c r="J62" s="22">
        <v>481</v>
      </c>
      <c r="K62" s="22">
        <v>1929</v>
      </c>
    </row>
    <row r="63" spans="1:11" ht="15" customHeight="1">
      <c r="A63" s="20" t="s">
        <v>121</v>
      </c>
      <c r="B63" s="20"/>
      <c r="C63" s="16">
        <v>61721</v>
      </c>
      <c r="D63" s="22">
        <v>31123</v>
      </c>
      <c r="E63" s="22">
        <v>30598</v>
      </c>
      <c r="F63" s="22"/>
      <c r="G63" s="21" t="s">
        <v>122</v>
      </c>
      <c r="H63" s="20"/>
      <c r="I63" s="16">
        <v>1589</v>
      </c>
      <c r="J63" s="22">
        <v>282</v>
      </c>
      <c r="K63" s="22">
        <v>1307</v>
      </c>
    </row>
    <row r="64" spans="1:11" ht="15" customHeight="1">
      <c r="A64" s="20" t="s">
        <v>123</v>
      </c>
      <c r="B64" s="20"/>
      <c r="C64" s="16">
        <v>64930</v>
      </c>
      <c r="D64" s="22">
        <v>32514</v>
      </c>
      <c r="E64" s="22">
        <v>32416</v>
      </c>
      <c r="F64" s="22"/>
      <c r="G64" s="21" t="s">
        <v>124</v>
      </c>
      <c r="H64" s="20"/>
      <c r="I64" s="16">
        <v>1015</v>
      </c>
      <c r="J64" s="22">
        <v>164</v>
      </c>
      <c r="K64" s="22">
        <v>851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885</v>
      </c>
      <c r="J65" s="22">
        <v>247</v>
      </c>
      <c r="K65" s="22">
        <v>1638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98789</v>
      </c>
      <c r="J66" s="32">
        <v>53720</v>
      </c>
      <c r="K66" s="32">
        <v>45069</v>
      </c>
    </row>
    <row r="68" spans="1:11">
      <c r="F68" s="2"/>
    </row>
    <row r="75" spans="1:11">
      <c r="F75" s="25"/>
    </row>
    <row r="76" spans="1:11">
      <c r="F76" s="26"/>
    </row>
    <row r="77" spans="1:11">
      <c r="F77" s="26"/>
    </row>
    <row r="78" spans="1:11">
      <c r="F78" s="26"/>
    </row>
    <row r="79" spans="1:11">
      <c r="F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77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14886</v>
      </c>
      <c r="D4" s="17">
        <v>105216</v>
      </c>
      <c r="E4" s="17">
        <v>109670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8285</v>
      </c>
      <c r="D5" s="17">
        <v>4285</v>
      </c>
      <c r="E5" s="17">
        <v>4000</v>
      </c>
      <c r="F5" s="17"/>
      <c r="G5" s="21" t="s">
        <v>6</v>
      </c>
      <c r="H5" s="20"/>
      <c r="I5" s="16">
        <v>20549</v>
      </c>
      <c r="J5" s="17">
        <v>10063</v>
      </c>
      <c r="K5" s="17">
        <v>10486</v>
      </c>
    </row>
    <row r="6" spans="1:11" ht="15" customHeight="1">
      <c r="A6" s="20" t="s">
        <v>7</v>
      </c>
      <c r="B6" s="20"/>
      <c r="C6" s="16">
        <v>1466</v>
      </c>
      <c r="D6" s="22">
        <v>783</v>
      </c>
      <c r="E6" s="22">
        <v>683</v>
      </c>
      <c r="F6" s="22"/>
      <c r="G6" s="21" t="s">
        <v>8</v>
      </c>
      <c r="H6" s="20"/>
      <c r="I6" s="16">
        <v>4174</v>
      </c>
      <c r="J6" s="22">
        <v>1948</v>
      </c>
      <c r="K6" s="22">
        <v>2226</v>
      </c>
    </row>
    <row r="7" spans="1:11" ht="15" customHeight="1">
      <c r="A7" s="20" t="s">
        <v>9</v>
      </c>
      <c r="B7" s="20"/>
      <c r="C7" s="16">
        <v>1608</v>
      </c>
      <c r="D7" s="22">
        <v>827</v>
      </c>
      <c r="E7" s="22">
        <v>781</v>
      </c>
      <c r="F7" s="22"/>
      <c r="G7" s="21" t="s">
        <v>10</v>
      </c>
      <c r="H7" s="20"/>
      <c r="I7" s="16">
        <v>3963</v>
      </c>
      <c r="J7" s="22">
        <v>1923</v>
      </c>
      <c r="K7" s="22">
        <v>2040</v>
      </c>
    </row>
    <row r="8" spans="1:11" ht="15" customHeight="1">
      <c r="A8" s="20" t="s">
        <v>11</v>
      </c>
      <c r="B8" s="20"/>
      <c r="C8" s="16">
        <v>1683</v>
      </c>
      <c r="D8" s="22">
        <v>886</v>
      </c>
      <c r="E8" s="22">
        <v>797</v>
      </c>
      <c r="F8" s="22"/>
      <c r="G8" s="21" t="s">
        <v>12</v>
      </c>
      <c r="H8" s="20"/>
      <c r="I8" s="16">
        <v>4139</v>
      </c>
      <c r="J8" s="22">
        <v>2029</v>
      </c>
      <c r="K8" s="22">
        <v>2110</v>
      </c>
    </row>
    <row r="9" spans="1:11" ht="15" customHeight="1">
      <c r="A9" s="20" t="s">
        <v>13</v>
      </c>
      <c r="B9" s="20"/>
      <c r="C9" s="16">
        <v>1692</v>
      </c>
      <c r="D9" s="22">
        <v>860</v>
      </c>
      <c r="E9" s="22">
        <v>832</v>
      </c>
      <c r="F9" s="22"/>
      <c r="G9" s="21" t="s">
        <v>14</v>
      </c>
      <c r="H9" s="20"/>
      <c r="I9" s="16">
        <v>4107</v>
      </c>
      <c r="J9" s="22">
        <v>2050</v>
      </c>
      <c r="K9" s="22">
        <v>2057</v>
      </c>
    </row>
    <row r="10" spans="1:11" ht="15" customHeight="1">
      <c r="A10" s="20" t="s">
        <v>15</v>
      </c>
      <c r="B10" s="20"/>
      <c r="C10" s="16">
        <v>1836</v>
      </c>
      <c r="D10" s="22">
        <v>929</v>
      </c>
      <c r="E10" s="22">
        <v>907</v>
      </c>
      <c r="F10" s="22"/>
      <c r="G10" s="21" t="s">
        <v>16</v>
      </c>
      <c r="H10" s="20"/>
      <c r="I10" s="16">
        <v>4166</v>
      </c>
      <c r="J10" s="22">
        <v>2113</v>
      </c>
      <c r="K10" s="22">
        <v>2053</v>
      </c>
    </row>
    <row r="11" spans="1:11" ht="20.100000000000001" customHeight="1">
      <c r="A11" s="20" t="s">
        <v>17</v>
      </c>
      <c r="B11" s="20"/>
      <c r="C11" s="16">
        <v>10489</v>
      </c>
      <c r="D11" s="17">
        <v>5331</v>
      </c>
      <c r="E11" s="17">
        <v>5158</v>
      </c>
      <c r="F11" s="17"/>
      <c r="G11" s="21" t="s">
        <v>18</v>
      </c>
      <c r="H11" s="20"/>
      <c r="I11" s="16">
        <v>17637</v>
      </c>
      <c r="J11" s="17">
        <v>9027</v>
      </c>
      <c r="K11" s="17">
        <v>8610</v>
      </c>
    </row>
    <row r="12" spans="1:11" ht="15" customHeight="1">
      <c r="A12" s="20" t="s">
        <v>19</v>
      </c>
      <c r="B12" s="20"/>
      <c r="C12" s="16">
        <v>1936</v>
      </c>
      <c r="D12" s="22">
        <v>975</v>
      </c>
      <c r="E12" s="22">
        <v>961</v>
      </c>
      <c r="F12" s="22"/>
      <c r="G12" s="21" t="s">
        <v>20</v>
      </c>
      <c r="H12" s="20"/>
      <c r="I12" s="16">
        <v>4210</v>
      </c>
      <c r="J12" s="22">
        <v>2113</v>
      </c>
      <c r="K12" s="22">
        <v>2097</v>
      </c>
    </row>
    <row r="13" spans="1:11" ht="15" customHeight="1">
      <c r="A13" s="20" t="s">
        <v>21</v>
      </c>
      <c r="B13" s="20"/>
      <c r="C13" s="16">
        <v>1990</v>
      </c>
      <c r="D13" s="22">
        <v>995</v>
      </c>
      <c r="E13" s="22">
        <v>995</v>
      </c>
      <c r="F13" s="22"/>
      <c r="G13" s="21" t="s">
        <v>22</v>
      </c>
      <c r="H13" s="20"/>
      <c r="I13" s="16">
        <v>2924</v>
      </c>
      <c r="J13" s="22">
        <v>1457</v>
      </c>
      <c r="K13" s="22">
        <v>1467</v>
      </c>
    </row>
    <row r="14" spans="1:11" ht="15" customHeight="1">
      <c r="A14" s="20" t="s">
        <v>23</v>
      </c>
      <c r="B14" s="20"/>
      <c r="C14" s="16">
        <v>2150</v>
      </c>
      <c r="D14" s="22">
        <v>1118</v>
      </c>
      <c r="E14" s="22">
        <v>1032</v>
      </c>
      <c r="F14" s="22"/>
      <c r="G14" s="21" t="s">
        <v>24</v>
      </c>
      <c r="H14" s="20"/>
      <c r="I14" s="16">
        <v>3803</v>
      </c>
      <c r="J14" s="22">
        <v>1961</v>
      </c>
      <c r="K14" s="22">
        <v>1842</v>
      </c>
    </row>
    <row r="15" spans="1:11" ht="15" customHeight="1">
      <c r="A15" s="20" t="s">
        <v>25</v>
      </c>
      <c r="B15" s="20"/>
      <c r="C15" s="16">
        <v>2165</v>
      </c>
      <c r="D15" s="22">
        <v>1059</v>
      </c>
      <c r="E15" s="22">
        <v>1106</v>
      </c>
      <c r="F15" s="22"/>
      <c r="G15" s="21" t="s">
        <v>26</v>
      </c>
      <c r="H15" s="20"/>
      <c r="I15" s="16">
        <v>3514</v>
      </c>
      <c r="J15" s="22">
        <v>1811</v>
      </c>
      <c r="K15" s="22">
        <v>1703</v>
      </c>
    </row>
    <row r="16" spans="1:11" ht="15" customHeight="1">
      <c r="A16" s="20" t="s">
        <v>27</v>
      </c>
      <c r="B16" s="20"/>
      <c r="C16" s="16">
        <v>2248</v>
      </c>
      <c r="D16" s="22">
        <v>1184</v>
      </c>
      <c r="E16" s="22">
        <v>1064</v>
      </c>
      <c r="F16" s="22"/>
      <c r="G16" s="21" t="s">
        <v>28</v>
      </c>
      <c r="H16" s="20"/>
      <c r="I16" s="16">
        <v>3186</v>
      </c>
      <c r="J16" s="22">
        <v>1685</v>
      </c>
      <c r="K16" s="22">
        <v>1501</v>
      </c>
    </row>
    <row r="17" spans="1:11" ht="20.100000000000001" customHeight="1">
      <c r="A17" s="24" t="s">
        <v>29</v>
      </c>
      <c r="B17" s="24"/>
      <c r="C17" s="16">
        <v>11599</v>
      </c>
      <c r="D17" s="17">
        <v>5975</v>
      </c>
      <c r="E17" s="17">
        <v>5624</v>
      </c>
      <c r="F17" s="17"/>
      <c r="G17" s="21" t="s">
        <v>30</v>
      </c>
      <c r="H17" s="20"/>
      <c r="I17" s="16">
        <v>12154</v>
      </c>
      <c r="J17" s="17">
        <v>6363</v>
      </c>
      <c r="K17" s="17">
        <v>5791</v>
      </c>
    </row>
    <row r="18" spans="1:11" ht="15" customHeight="1">
      <c r="A18" s="20" t="s">
        <v>31</v>
      </c>
      <c r="B18" s="20"/>
      <c r="C18" s="16">
        <v>2187</v>
      </c>
      <c r="D18" s="22">
        <v>1127</v>
      </c>
      <c r="E18" s="22">
        <v>1060</v>
      </c>
      <c r="F18" s="22"/>
      <c r="G18" s="21" t="s">
        <v>32</v>
      </c>
      <c r="H18" s="20"/>
      <c r="I18" s="16">
        <v>2802</v>
      </c>
      <c r="J18" s="22">
        <v>1438</v>
      </c>
      <c r="K18" s="22">
        <v>1364</v>
      </c>
    </row>
    <row r="19" spans="1:11" ht="15" customHeight="1">
      <c r="A19" s="20" t="s">
        <v>33</v>
      </c>
      <c r="B19" s="20"/>
      <c r="C19" s="16">
        <v>2349</v>
      </c>
      <c r="D19" s="22">
        <v>1208</v>
      </c>
      <c r="E19" s="22">
        <v>1141</v>
      </c>
      <c r="F19" s="22"/>
      <c r="G19" s="21" t="s">
        <v>34</v>
      </c>
      <c r="H19" s="20"/>
      <c r="I19" s="16">
        <v>2601</v>
      </c>
      <c r="J19" s="22">
        <v>1349</v>
      </c>
      <c r="K19" s="22">
        <v>1252</v>
      </c>
    </row>
    <row r="20" spans="1:11" ht="15" customHeight="1">
      <c r="A20" s="20" t="s">
        <v>35</v>
      </c>
      <c r="B20" s="20"/>
      <c r="C20" s="16">
        <v>2361</v>
      </c>
      <c r="D20" s="22">
        <v>1252</v>
      </c>
      <c r="E20" s="22">
        <v>1109</v>
      </c>
      <c r="F20" s="22"/>
      <c r="G20" s="21" t="s">
        <v>36</v>
      </c>
      <c r="H20" s="20"/>
      <c r="I20" s="16">
        <v>2372</v>
      </c>
      <c r="J20" s="22">
        <v>1267</v>
      </c>
      <c r="K20" s="22">
        <v>1105</v>
      </c>
    </row>
    <row r="21" spans="1:11" ht="15" customHeight="1">
      <c r="A21" s="20" t="s">
        <v>37</v>
      </c>
      <c r="B21" s="20"/>
      <c r="C21" s="16">
        <v>2420</v>
      </c>
      <c r="D21" s="22">
        <v>1253</v>
      </c>
      <c r="E21" s="22">
        <v>1167</v>
      </c>
      <c r="F21" s="22"/>
      <c r="G21" s="21" t="s">
        <v>38</v>
      </c>
      <c r="H21" s="20"/>
      <c r="I21" s="16">
        <v>2227</v>
      </c>
      <c r="J21" s="22">
        <v>1166</v>
      </c>
      <c r="K21" s="22">
        <v>1061</v>
      </c>
    </row>
    <row r="22" spans="1:11" ht="15" customHeight="1">
      <c r="A22" s="20" t="s">
        <v>39</v>
      </c>
      <c r="B22" s="20"/>
      <c r="C22" s="16">
        <v>2282</v>
      </c>
      <c r="D22" s="22">
        <v>1135</v>
      </c>
      <c r="E22" s="22">
        <v>1147</v>
      </c>
      <c r="F22" s="22"/>
      <c r="G22" s="21" t="s">
        <v>40</v>
      </c>
      <c r="H22" s="20"/>
      <c r="I22" s="16">
        <v>2152</v>
      </c>
      <c r="J22" s="22">
        <v>1143</v>
      </c>
      <c r="K22" s="22">
        <v>1009</v>
      </c>
    </row>
    <row r="23" spans="1:11" ht="20.100000000000001" customHeight="1">
      <c r="A23" s="20" t="s">
        <v>41</v>
      </c>
      <c r="B23" s="20"/>
      <c r="C23" s="16">
        <v>11963</v>
      </c>
      <c r="D23" s="17">
        <v>6204</v>
      </c>
      <c r="E23" s="17">
        <v>5759</v>
      </c>
      <c r="F23" s="17"/>
      <c r="G23" s="21" t="s">
        <v>42</v>
      </c>
      <c r="H23" s="20"/>
      <c r="I23" s="16">
        <v>8925</v>
      </c>
      <c r="J23" s="17">
        <v>4473</v>
      </c>
      <c r="K23" s="17">
        <v>4452</v>
      </c>
    </row>
    <row r="24" spans="1:11" ht="15" customHeight="1">
      <c r="A24" s="20" t="s">
        <v>43</v>
      </c>
      <c r="B24" s="20"/>
      <c r="C24" s="16">
        <v>2411</v>
      </c>
      <c r="D24" s="22">
        <v>1263</v>
      </c>
      <c r="E24" s="22">
        <v>1148</v>
      </c>
      <c r="F24" s="22"/>
      <c r="G24" s="21" t="s">
        <v>44</v>
      </c>
      <c r="H24" s="20"/>
      <c r="I24" s="16">
        <v>1902</v>
      </c>
      <c r="J24" s="22">
        <v>972</v>
      </c>
      <c r="K24" s="22">
        <v>930</v>
      </c>
    </row>
    <row r="25" spans="1:11" ht="15" customHeight="1">
      <c r="A25" s="20" t="s">
        <v>45</v>
      </c>
      <c r="B25" s="20"/>
      <c r="C25" s="16">
        <v>2381</v>
      </c>
      <c r="D25" s="22">
        <v>1244</v>
      </c>
      <c r="E25" s="22">
        <v>1137</v>
      </c>
      <c r="F25" s="22"/>
      <c r="G25" s="21" t="s">
        <v>46</v>
      </c>
      <c r="H25" s="20"/>
      <c r="I25" s="16">
        <v>1824</v>
      </c>
      <c r="J25" s="22">
        <v>919</v>
      </c>
      <c r="K25" s="22">
        <v>905</v>
      </c>
    </row>
    <row r="26" spans="1:11" ht="15" customHeight="1">
      <c r="A26" s="20" t="s">
        <v>47</v>
      </c>
      <c r="B26" s="20"/>
      <c r="C26" s="16">
        <v>2294</v>
      </c>
      <c r="D26" s="22">
        <v>1230</v>
      </c>
      <c r="E26" s="22">
        <v>1064</v>
      </c>
      <c r="F26" s="22"/>
      <c r="G26" s="21" t="s">
        <v>48</v>
      </c>
      <c r="H26" s="20"/>
      <c r="I26" s="16">
        <v>1812</v>
      </c>
      <c r="J26" s="22">
        <v>948</v>
      </c>
      <c r="K26" s="22">
        <v>864</v>
      </c>
    </row>
    <row r="27" spans="1:11" ht="15" customHeight="1">
      <c r="A27" s="20" t="s">
        <v>49</v>
      </c>
      <c r="B27" s="20"/>
      <c r="C27" s="16">
        <v>2400</v>
      </c>
      <c r="D27" s="22">
        <v>1224</v>
      </c>
      <c r="E27" s="22">
        <v>1176</v>
      </c>
      <c r="F27" s="22"/>
      <c r="G27" s="21" t="s">
        <v>50</v>
      </c>
      <c r="H27" s="20"/>
      <c r="I27" s="16">
        <v>1695</v>
      </c>
      <c r="J27" s="22">
        <v>803</v>
      </c>
      <c r="K27" s="22">
        <v>892</v>
      </c>
    </row>
    <row r="28" spans="1:11" ht="15" customHeight="1">
      <c r="A28" s="20" t="s">
        <v>51</v>
      </c>
      <c r="B28" s="20"/>
      <c r="C28" s="16">
        <v>2477</v>
      </c>
      <c r="D28" s="22">
        <v>1243</v>
      </c>
      <c r="E28" s="22">
        <v>1234</v>
      </c>
      <c r="F28" s="22"/>
      <c r="G28" s="21" t="s">
        <v>52</v>
      </c>
      <c r="H28" s="20"/>
      <c r="I28" s="16">
        <v>1692</v>
      </c>
      <c r="J28" s="22">
        <v>831</v>
      </c>
      <c r="K28" s="22">
        <v>861</v>
      </c>
    </row>
    <row r="29" spans="1:11" ht="20.100000000000001" customHeight="1">
      <c r="A29" s="20" t="s">
        <v>53</v>
      </c>
      <c r="B29" s="20"/>
      <c r="C29" s="16">
        <v>12258</v>
      </c>
      <c r="D29" s="17">
        <v>6151</v>
      </c>
      <c r="E29" s="17">
        <v>6107</v>
      </c>
      <c r="F29" s="17"/>
      <c r="G29" s="21" t="s">
        <v>54</v>
      </c>
      <c r="H29" s="20"/>
      <c r="I29" s="16">
        <v>9749</v>
      </c>
      <c r="J29" s="17">
        <v>4768</v>
      </c>
      <c r="K29" s="17">
        <v>4981</v>
      </c>
    </row>
    <row r="30" spans="1:11" ht="15" customHeight="1">
      <c r="A30" s="20" t="s">
        <v>55</v>
      </c>
      <c r="B30" s="20"/>
      <c r="C30" s="16">
        <v>2508</v>
      </c>
      <c r="D30" s="22">
        <v>1286</v>
      </c>
      <c r="E30" s="22">
        <v>1222</v>
      </c>
      <c r="F30" s="22"/>
      <c r="G30" s="21" t="s">
        <v>56</v>
      </c>
      <c r="H30" s="20"/>
      <c r="I30" s="16">
        <v>1817</v>
      </c>
      <c r="J30" s="22">
        <v>868</v>
      </c>
      <c r="K30" s="22">
        <v>949</v>
      </c>
    </row>
    <row r="31" spans="1:11" ht="15" customHeight="1">
      <c r="A31" s="20" t="s">
        <v>57</v>
      </c>
      <c r="B31" s="20"/>
      <c r="C31" s="16">
        <v>2534</v>
      </c>
      <c r="D31" s="22">
        <v>1256</v>
      </c>
      <c r="E31" s="22">
        <v>1278</v>
      </c>
      <c r="F31" s="22"/>
      <c r="G31" s="21" t="s">
        <v>58</v>
      </c>
      <c r="H31" s="20"/>
      <c r="I31" s="16">
        <v>1767</v>
      </c>
      <c r="J31" s="22">
        <v>885</v>
      </c>
      <c r="K31" s="22">
        <v>882</v>
      </c>
    </row>
    <row r="32" spans="1:11" ht="15" customHeight="1">
      <c r="A32" s="20" t="s">
        <v>59</v>
      </c>
      <c r="B32" s="20"/>
      <c r="C32" s="16">
        <v>2479</v>
      </c>
      <c r="D32" s="22">
        <v>1247</v>
      </c>
      <c r="E32" s="22">
        <v>1232</v>
      </c>
      <c r="F32" s="22"/>
      <c r="G32" s="21" t="s">
        <v>60</v>
      </c>
      <c r="H32" s="20"/>
      <c r="I32" s="16">
        <v>1930</v>
      </c>
      <c r="J32" s="22">
        <v>937</v>
      </c>
      <c r="K32" s="22">
        <v>993</v>
      </c>
    </row>
    <row r="33" spans="1:11" ht="15" customHeight="1">
      <c r="A33" s="20" t="s">
        <v>61</v>
      </c>
      <c r="B33" s="20"/>
      <c r="C33" s="16">
        <v>2478</v>
      </c>
      <c r="D33" s="22">
        <v>1209</v>
      </c>
      <c r="E33" s="22">
        <v>1269</v>
      </c>
      <c r="F33" s="22"/>
      <c r="G33" s="21" t="s">
        <v>62</v>
      </c>
      <c r="H33" s="20"/>
      <c r="I33" s="16">
        <v>2144</v>
      </c>
      <c r="J33" s="22">
        <v>1074</v>
      </c>
      <c r="K33" s="22">
        <v>1070</v>
      </c>
    </row>
    <row r="34" spans="1:11" ht="15" customHeight="1">
      <c r="A34" s="20" t="s">
        <v>63</v>
      </c>
      <c r="B34" s="20"/>
      <c r="C34" s="16">
        <v>2259</v>
      </c>
      <c r="D34" s="22">
        <v>1153</v>
      </c>
      <c r="E34" s="22">
        <v>1106</v>
      </c>
      <c r="F34" s="22"/>
      <c r="G34" s="21" t="s">
        <v>64</v>
      </c>
      <c r="H34" s="20"/>
      <c r="I34" s="16">
        <v>2091</v>
      </c>
      <c r="J34" s="22">
        <v>1004</v>
      </c>
      <c r="K34" s="22">
        <v>1087</v>
      </c>
    </row>
    <row r="35" spans="1:11" ht="20.100000000000001" customHeight="1">
      <c r="A35" s="20" t="s">
        <v>65</v>
      </c>
      <c r="B35" s="20"/>
      <c r="C35" s="16">
        <v>10568</v>
      </c>
      <c r="D35" s="17">
        <v>5207</v>
      </c>
      <c r="E35" s="17">
        <v>5361</v>
      </c>
      <c r="F35" s="17"/>
      <c r="G35" s="21" t="s">
        <v>66</v>
      </c>
      <c r="H35" s="20"/>
      <c r="I35" s="16">
        <v>7684</v>
      </c>
      <c r="J35" s="17">
        <v>3433</v>
      </c>
      <c r="K35" s="17">
        <v>4251</v>
      </c>
    </row>
    <row r="36" spans="1:11" ht="15" customHeight="1">
      <c r="A36" s="20" t="s">
        <v>67</v>
      </c>
      <c r="B36" s="20"/>
      <c r="C36" s="16">
        <v>2312</v>
      </c>
      <c r="D36" s="22">
        <v>1151</v>
      </c>
      <c r="E36" s="22">
        <v>1161</v>
      </c>
      <c r="F36" s="22"/>
      <c r="G36" s="21" t="s">
        <v>68</v>
      </c>
      <c r="H36" s="20"/>
      <c r="I36" s="16">
        <v>2066</v>
      </c>
      <c r="J36" s="22">
        <v>986</v>
      </c>
      <c r="K36" s="22">
        <v>1080</v>
      </c>
    </row>
    <row r="37" spans="1:11" ht="15" customHeight="1">
      <c r="A37" s="20" t="s">
        <v>69</v>
      </c>
      <c r="B37" s="20"/>
      <c r="C37" s="16">
        <v>2119</v>
      </c>
      <c r="D37" s="22">
        <v>1028</v>
      </c>
      <c r="E37" s="22">
        <v>1091</v>
      </c>
      <c r="F37" s="22"/>
      <c r="G37" s="21" t="s">
        <v>70</v>
      </c>
      <c r="H37" s="20"/>
      <c r="I37" s="16">
        <v>1383</v>
      </c>
      <c r="J37" s="22">
        <v>635</v>
      </c>
      <c r="K37" s="22">
        <v>748</v>
      </c>
    </row>
    <row r="38" spans="1:11" ht="15" customHeight="1">
      <c r="A38" s="20" t="s">
        <v>71</v>
      </c>
      <c r="B38" s="20"/>
      <c r="C38" s="16">
        <v>2015</v>
      </c>
      <c r="D38" s="22">
        <v>1009</v>
      </c>
      <c r="E38" s="22">
        <v>1006</v>
      </c>
      <c r="F38" s="22"/>
      <c r="G38" s="21" t="s">
        <v>72</v>
      </c>
      <c r="H38" s="20"/>
      <c r="I38" s="16">
        <v>1243</v>
      </c>
      <c r="J38" s="22">
        <v>535</v>
      </c>
      <c r="K38" s="22">
        <v>708</v>
      </c>
    </row>
    <row r="39" spans="1:11" ht="15" customHeight="1">
      <c r="A39" s="20" t="s">
        <v>73</v>
      </c>
      <c r="B39" s="20"/>
      <c r="C39" s="16">
        <v>2151</v>
      </c>
      <c r="D39" s="22">
        <v>1037</v>
      </c>
      <c r="E39" s="22">
        <v>1114</v>
      </c>
      <c r="F39" s="22"/>
      <c r="G39" s="21" t="s">
        <v>74</v>
      </c>
      <c r="H39" s="20"/>
      <c r="I39" s="16">
        <v>1484</v>
      </c>
      <c r="J39" s="22">
        <v>640</v>
      </c>
      <c r="K39" s="22">
        <v>844</v>
      </c>
    </row>
    <row r="40" spans="1:11" ht="15" customHeight="1">
      <c r="A40" s="20" t="s">
        <v>75</v>
      </c>
      <c r="B40" s="20"/>
      <c r="C40" s="16">
        <v>1971</v>
      </c>
      <c r="D40" s="22">
        <v>982</v>
      </c>
      <c r="E40" s="22">
        <v>989</v>
      </c>
      <c r="F40" s="22"/>
      <c r="G40" s="21" t="s">
        <v>76</v>
      </c>
      <c r="H40" s="20"/>
      <c r="I40" s="16">
        <v>1508</v>
      </c>
      <c r="J40" s="22">
        <v>637</v>
      </c>
      <c r="K40" s="22">
        <v>871</v>
      </c>
    </row>
    <row r="41" spans="1:11" ht="20.100000000000001" customHeight="1">
      <c r="A41" s="20" t="s">
        <v>77</v>
      </c>
      <c r="B41" s="20"/>
      <c r="C41" s="16">
        <v>10588</v>
      </c>
      <c r="D41" s="17">
        <v>5279</v>
      </c>
      <c r="E41" s="17">
        <v>5309</v>
      </c>
      <c r="F41" s="17"/>
      <c r="G41" s="21" t="s">
        <v>78</v>
      </c>
      <c r="H41" s="20"/>
      <c r="I41" s="16">
        <v>6504</v>
      </c>
      <c r="J41" s="17">
        <v>2751</v>
      </c>
      <c r="K41" s="17">
        <v>3753</v>
      </c>
    </row>
    <row r="42" spans="1:11" ht="15" customHeight="1">
      <c r="A42" s="20" t="s">
        <v>79</v>
      </c>
      <c r="B42" s="20"/>
      <c r="C42" s="16">
        <v>2040</v>
      </c>
      <c r="D42" s="22">
        <v>1047</v>
      </c>
      <c r="E42" s="22">
        <v>993</v>
      </c>
      <c r="F42" s="22"/>
      <c r="G42" s="21" t="s">
        <v>80</v>
      </c>
      <c r="H42" s="20"/>
      <c r="I42" s="16">
        <v>1525</v>
      </c>
      <c r="J42" s="22">
        <v>669</v>
      </c>
      <c r="K42" s="22">
        <v>856</v>
      </c>
    </row>
    <row r="43" spans="1:11" ht="15" customHeight="1">
      <c r="A43" s="20" t="s">
        <v>81</v>
      </c>
      <c r="B43" s="20"/>
      <c r="C43" s="16">
        <v>2187</v>
      </c>
      <c r="D43" s="22">
        <v>1072</v>
      </c>
      <c r="E43" s="22">
        <v>1115</v>
      </c>
      <c r="F43" s="22"/>
      <c r="G43" s="21" t="s">
        <v>82</v>
      </c>
      <c r="H43" s="20"/>
      <c r="I43" s="16">
        <v>1520</v>
      </c>
      <c r="J43" s="22">
        <v>661</v>
      </c>
      <c r="K43" s="22">
        <v>859</v>
      </c>
    </row>
    <row r="44" spans="1:11" ht="15" customHeight="1">
      <c r="A44" s="20" t="s">
        <v>83</v>
      </c>
      <c r="B44" s="20"/>
      <c r="C44" s="16">
        <v>2071</v>
      </c>
      <c r="D44" s="22">
        <v>1017</v>
      </c>
      <c r="E44" s="22">
        <v>1054</v>
      </c>
      <c r="F44" s="22"/>
      <c r="G44" s="21" t="s">
        <v>84</v>
      </c>
      <c r="H44" s="20"/>
      <c r="I44" s="16">
        <v>1297</v>
      </c>
      <c r="J44" s="22">
        <v>558</v>
      </c>
      <c r="K44" s="22">
        <v>739</v>
      </c>
    </row>
    <row r="45" spans="1:11" ht="15" customHeight="1">
      <c r="A45" s="20" t="s">
        <v>85</v>
      </c>
      <c r="B45" s="20"/>
      <c r="C45" s="16">
        <v>2100</v>
      </c>
      <c r="D45" s="22">
        <v>1040</v>
      </c>
      <c r="E45" s="22">
        <v>1060</v>
      </c>
      <c r="F45" s="22"/>
      <c r="G45" s="21" t="s">
        <v>86</v>
      </c>
      <c r="H45" s="20"/>
      <c r="I45" s="16">
        <v>1107</v>
      </c>
      <c r="J45" s="22">
        <v>452</v>
      </c>
      <c r="K45" s="22">
        <v>655</v>
      </c>
    </row>
    <row r="46" spans="1:11" ht="15" customHeight="1">
      <c r="A46" s="20" t="s">
        <v>87</v>
      </c>
      <c r="B46" s="20"/>
      <c r="C46" s="16">
        <v>2190</v>
      </c>
      <c r="D46" s="22">
        <v>1103</v>
      </c>
      <c r="E46" s="22">
        <v>1087</v>
      </c>
      <c r="F46" s="22"/>
      <c r="G46" s="21" t="s">
        <v>88</v>
      </c>
      <c r="H46" s="20"/>
      <c r="I46" s="16">
        <v>1055</v>
      </c>
      <c r="J46" s="22">
        <v>411</v>
      </c>
      <c r="K46" s="22">
        <v>644</v>
      </c>
    </row>
    <row r="47" spans="1:11" ht="20.100000000000001" customHeight="1">
      <c r="A47" s="20" t="s">
        <v>89</v>
      </c>
      <c r="B47" s="20"/>
      <c r="C47" s="16">
        <v>12277</v>
      </c>
      <c r="D47" s="17">
        <v>6047</v>
      </c>
      <c r="E47" s="17">
        <v>6230</v>
      </c>
      <c r="F47" s="17"/>
      <c r="G47" s="21" t="s">
        <v>90</v>
      </c>
      <c r="H47" s="20"/>
      <c r="I47" s="16">
        <v>4412</v>
      </c>
      <c r="J47" s="17">
        <v>1643</v>
      </c>
      <c r="K47" s="17">
        <v>2769</v>
      </c>
    </row>
    <row r="48" spans="1:11" ht="15" customHeight="1">
      <c r="A48" s="20" t="s">
        <v>91</v>
      </c>
      <c r="B48" s="20"/>
      <c r="C48" s="16">
        <v>2154</v>
      </c>
      <c r="D48" s="22">
        <v>1045</v>
      </c>
      <c r="E48" s="22">
        <v>1109</v>
      </c>
      <c r="F48" s="22"/>
      <c r="G48" s="21" t="s">
        <v>92</v>
      </c>
      <c r="H48" s="20"/>
      <c r="I48" s="16">
        <v>1069</v>
      </c>
      <c r="J48" s="22">
        <v>413</v>
      </c>
      <c r="K48" s="22">
        <v>656</v>
      </c>
    </row>
    <row r="49" spans="1:11" ht="15" customHeight="1">
      <c r="A49" s="20" t="s">
        <v>93</v>
      </c>
      <c r="B49" s="20"/>
      <c r="C49" s="16">
        <v>2313</v>
      </c>
      <c r="D49" s="22">
        <v>1145</v>
      </c>
      <c r="E49" s="22">
        <v>1168</v>
      </c>
      <c r="F49" s="22"/>
      <c r="G49" s="21" t="s">
        <v>94</v>
      </c>
      <c r="H49" s="20"/>
      <c r="I49" s="16">
        <v>993</v>
      </c>
      <c r="J49" s="22">
        <v>382</v>
      </c>
      <c r="K49" s="22">
        <v>611</v>
      </c>
    </row>
    <row r="50" spans="1:11" ht="15" customHeight="1">
      <c r="A50" s="20" t="s">
        <v>95</v>
      </c>
      <c r="B50" s="20"/>
      <c r="C50" s="16">
        <v>2424</v>
      </c>
      <c r="D50" s="22">
        <v>1190</v>
      </c>
      <c r="E50" s="22">
        <v>1234</v>
      </c>
      <c r="F50" s="22"/>
      <c r="G50" s="21" t="s">
        <v>96</v>
      </c>
      <c r="H50" s="20"/>
      <c r="I50" s="16">
        <v>923</v>
      </c>
      <c r="J50" s="22">
        <v>361</v>
      </c>
      <c r="K50" s="22">
        <v>562</v>
      </c>
    </row>
    <row r="51" spans="1:11" ht="15" customHeight="1">
      <c r="A51" s="20" t="s">
        <v>97</v>
      </c>
      <c r="B51" s="20"/>
      <c r="C51" s="16">
        <v>2629</v>
      </c>
      <c r="D51" s="22">
        <v>1300</v>
      </c>
      <c r="E51" s="22">
        <v>1329</v>
      </c>
      <c r="F51" s="22"/>
      <c r="G51" s="21" t="s">
        <v>98</v>
      </c>
      <c r="H51" s="20"/>
      <c r="I51" s="16">
        <v>724</v>
      </c>
      <c r="J51" s="22">
        <v>261</v>
      </c>
      <c r="K51" s="22">
        <v>463</v>
      </c>
    </row>
    <row r="52" spans="1:11" ht="15" customHeight="1">
      <c r="A52" s="20" t="s">
        <v>99</v>
      </c>
      <c r="B52" s="20"/>
      <c r="C52" s="16">
        <v>2757</v>
      </c>
      <c r="D52" s="22">
        <v>1367</v>
      </c>
      <c r="E52" s="22">
        <v>1390</v>
      </c>
      <c r="F52" s="22"/>
      <c r="G52" s="21" t="s">
        <v>100</v>
      </c>
      <c r="H52" s="20"/>
      <c r="I52" s="16">
        <v>703</v>
      </c>
      <c r="J52" s="22">
        <v>226</v>
      </c>
      <c r="K52" s="22">
        <v>477</v>
      </c>
    </row>
    <row r="53" spans="1:11" ht="20.100000000000001" customHeight="1">
      <c r="A53" s="20" t="s">
        <v>101</v>
      </c>
      <c r="B53" s="20"/>
      <c r="C53" s="16">
        <v>14737</v>
      </c>
      <c r="D53" s="17">
        <v>7191</v>
      </c>
      <c r="E53" s="17">
        <v>7546</v>
      </c>
      <c r="F53" s="17"/>
      <c r="G53" s="21" t="s">
        <v>102</v>
      </c>
      <c r="H53" s="20"/>
      <c r="I53" s="16">
        <v>2228</v>
      </c>
      <c r="J53" s="17">
        <v>627</v>
      </c>
      <c r="K53" s="17">
        <v>1601</v>
      </c>
    </row>
    <row r="54" spans="1:11" ht="15" customHeight="1">
      <c r="A54" s="20" t="s">
        <v>103</v>
      </c>
      <c r="B54" s="20"/>
      <c r="C54" s="16">
        <v>2760</v>
      </c>
      <c r="D54" s="22">
        <v>1320</v>
      </c>
      <c r="E54" s="22">
        <v>1440</v>
      </c>
      <c r="F54" s="22"/>
      <c r="G54" s="21" t="s">
        <v>104</v>
      </c>
      <c r="H54" s="20"/>
      <c r="I54" s="16">
        <v>562</v>
      </c>
      <c r="J54" s="22">
        <v>173</v>
      </c>
      <c r="K54" s="22">
        <v>389</v>
      </c>
    </row>
    <row r="55" spans="1:11" ht="15" customHeight="1">
      <c r="A55" s="20" t="s">
        <v>105</v>
      </c>
      <c r="B55" s="20"/>
      <c r="C55" s="16">
        <v>2807</v>
      </c>
      <c r="D55" s="22">
        <v>1422</v>
      </c>
      <c r="E55" s="22">
        <v>1385</v>
      </c>
      <c r="F55" s="22"/>
      <c r="G55" s="21" t="s">
        <v>106</v>
      </c>
      <c r="H55" s="20"/>
      <c r="I55" s="16">
        <v>558</v>
      </c>
      <c r="J55" s="22">
        <v>159</v>
      </c>
      <c r="K55" s="22">
        <v>399</v>
      </c>
    </row>
    <row r="56" spans="1:11" ht="15" customHeight="1">
      <c r="A56" s="20" t="s">
        <v>107</v>
      </c>
      <c r="B56" s="20"/>
      <c r="C56" s="16">
        <v>2940</v>
      </c>
      <c r="D56" s="22">
        <v>1428</v>
      </c>
      <c r="E56" s="22">
        <v>1512</v>
      </c>
      <c r="F56" s="22"/>
      <c r="G56" s="21" t="s">
        <v>108</v>
      </c>
      <c r="H56" s="20"/>
      <c r="I56" s="16">
        <v>437</v>
      </c>
      <c r="J56" s="22">
        <v>129</v>
      </c>
      <c r="K56" s="22">
        <v>308</v>
      </c>
    </row>
    <row r="57" spans="1:11" ht="15" customHeight="1">
      <c r="A57" s="20" t="s">
        <v>109</v>
      </c>
      <c r="B57" s="20"/>
      <c r="C57" s="16">
        <v>3020</v>
      </c>
      <c r="D57" s="22">
        <v>1448</v>
      </c>
      <c r="E57" s="22">
        <v>1572</v>
      </c>
      <c r="F57" s="22"/>
      <c r="G57" s="21" t="s">
        <v>110</v>
      </c>
      <c r="H57" s="20"/>
      <c r="I57" s="16">
        <v>378</v>
      </c>
      <c r="J57" s="22">
        <v>104</v>
      </c>
      <c r="K57" s="22">
        <v>274</v>
      </c>
    </row>
    <row r="58" spans="1:11" ht="15" customHeight="1">
      <c r="A58" s="20" t="s">
        <v>111</v>
      </c>
      <c r="B58" s="20"/>
      <c r="C58" s="16">
        <v>3210</v>
      </c>
      <c r="D58" s="22">
        <v>1573</v>
      </c>
      <c r="E58" s="22">
        <v>1637</v>
      </c>
      <c r="F58" s="22"/>
      <c r="G58" s="21" t="s">
        <v>112</v>
      </c>
      <c r="H58" s="20"/>
      <c r="I58" s="16">
        <v>293</v>
      </c>
      <c r="J58" s="22">
        <v>62</v>
      </c>
      <c r="K58" s="22">
        <v>231</v>
      </c>
    </row>
    <row r="59" spans="1:11" ht="20.100000000000001" customHeight="1">
      <c r="A59" s="20" t="s">
        <v>113</v>
      </c>
      <c r="B59" s="20"/>
      <c r="C59" s="16">
        <v>18143</v>
      </c>
      <c r="D59" s="17">
        <v>8891</v>
      </c>
      <c r="E59" s="17">
        <v>9252</v>
      </c>
      <c r="F59" s="17"/>
      <c r="G59" s="21" t="s">
        <v>114</v>
      </c>
      <c r="H59" s="20"/>
      <c r="I59" s="16">
        <v>739</v>
      </c>
      <c r="J59" s="17">
        <v>153</v>
      </c>
      <c r="K59" s="17">
        <v>586</v>
      </c>
    </row>
    <row r="60" spans="1:11" ht="15" customHeight="1">
      <c r="A60" s="20" t="s">
        <v>115</v>
      </c>
      <c r="B60" s="20"/>
      <c r="C60" s="16">
        <v>3311</v>
      </c>
      <c r="D60" s="22">
        <v>1613</v>
      </c>
      <c r="E60" s="22">
        <v>1698</v>
      </c>
      <c r="F60" s="22"/>
      <c r="G60" s="21" t="s">
        <v>116</v>
      </c>
      <c r="H60" s="20"/>
      <c r="I60" s="16">
        <v>254</v>
      </c>
      <c r="J60" s="22">
        <v>51</v>
      </c>
      <c r="K60" s="22">
        <v>203</v>
      </c>
    </row>
    <row r="61" spans="1:11" ht="15" customHeight="1">
      <c r="A61" s="20" t="s">
        <v>117</v>
      </c>
      <c r="B61" s="20"/>
      <c r="C61" s="16">
        <v>3355</v>
      </c>
      <c r="D61" s="22">
        <v>1667</v>
      </c>
      <c r="E61" s="22">
        <v>1688</v>
      </c>
      <c r="F61" s="22"/>
      <c r="G61" s="21" t="s">
        <v>118</v>
      </c>
      <c r="H61" s="20"/>
      <c r="I61" s="16">
        <v>189</v>
      </c>
      <c r="J61" s="22">
        <v>52</v>
      </c>
      <c r="K61" s="22">
        <v>137</v>
      </c>
    </row>
    <row r="62" spans="1:11" ht="15" customHeight="1">
      <c r="A62" s="20" t="s">
        <v>119</v>
      </c>
      <c r="B62" s="20"/>
      <c r="C62" s="16">
        <v>3563</v>
      </c>
      <c r="D62" s="22">
        <v>1716</v>
      </c>
      <c r="E62" s="22">
        <v>1847</v>
      </c>
      <c r="F62" s="22"/>
      <c r="G62" s="21" t="s">
        <v>120</v>
      </c>
      <c r="H62" s="20"/>
      <c r="I62" s="16">
        <v>140</v>
      </c>
      <c r="J62" s="22">
        <v>22</v>
      </c>
      <c r="K62" s="22">
        <v>118</v>
      </c>
    </row>
    <row r="63" spans="1:11" ht="15" customHeight="1">
      <c r="A63" s="20" t="s">
        <v>121</v>
      </c>
      <c r="B63" s="20"/>
      <c r="C63" s="16">
        <v>3869</v>
      </c>
      <c r="D63" s="22">
        <v>1931</v>
      </c>
      <c r="E63" s="22">
        <v>1938</v>
      </c>
      <c r="F63" s="22"/>
      <c r="G63" s="21" t="s">
        <v>122</v>
      </c>
      <c r="H63" s="20"/>
      <c r="I63" s="16">
        <v>99</v>
      </c>
      <c r="J63" s="22">
        <v>20</v>
      </c>
      <c r="K63" s="22">
        <v>79</v>
      </c>
    </row>
    <row r="64" spans="1:11" ht="15" customHeight="1">
      <c r="A64" s="20" t="s">
        <v>123</v>
      </c>
      <c r="B64" s="20"/>
      <c r="C64" s="16">
        <v>4045</v>
      </c>
      <c r="D64" s="22">
        <v>1964</v>
      </c>
      <c r="E64" s="22">
        <v>2081</v>
      </c>
      <c r="F64" s="22"/>
      <c r="G64" s="21" t="s">
        <v>124</v>
      </c>
      <c r="H64" s="20"/>
      <c r="I64" s="16">
        <v>57</v>
      </c>
      <c r="J64" s="22">
        <v>8</v>
      </c>
      <c r="K64" s="22">
        <v>49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41</v>
      </c>
      <c r="J65" s="22">
        <v>26</v>
      </c>
      <c r="K65" s="22">
        <v>115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3257</v>
      </c>
      <c r="J66" s="32">
        <v>1328</v>
      </c>
      <c r="K66" s="32">
        <v>1929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7"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28</v>
      </c>
      <c r="B2" s="7"/>
      <c r="C2" s="9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540516</v>
      </c>
      <c r="D4" s="17">
        <v>775021</v>
      </c>
      <c r="E4" s="17">
        <v>765495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58175</v>
      </c>
      <c r="D5" s="17">
        <v>29873</v>
      </c>
      <c r="E5" s="17">
        <v>28302</v>
      </c>
      <c r="F5" s="17"/>
      <c r="G5" s="21" t="s">
        <v>6</v>
      </c>
      <c r="H5" s="20"/>
      <c r="I5" s="16">
        <v>125452</v>
      </c>
      <c r="J5" s="17">
        <v>64840</v>
      </c>
      <c r="K5" s="17">
        <v>60612</v>
      </c>
    </row>
    <row r="6" spans="1:11" ht="15" customHeight="1">
      <c r="A6" s="20" t="s">
        <v>7</v>
      </c>
      <c r="B6" s="20"/>
      <c r="C6" s="16">
        <v>11388</v>
      </c>
      <c r="D6" s="22">
        <v>5870</v>
      </c>
      <c r="E6" s="22">
        <v>5518</v>
      </c>
      <c r="F6" s="22"/>
      <c r="G6" s="21" t="s">
        <v>8</v>
      </c>
      <c r="H6" s="20"/>
      <c r="I6" s="16">
        <v>26006</v>
      </c>
      <c r="J6" s="22">
        <v>13175</v>
      </c>
      <c r="K6" s="22">
        <v>12831</v>
      </c>
    </row>
    <row r="7" spans="1:11" ht="15" customHeight="1">
      <c r="A7" s="20" t="s">
        <v>9</v>
      </c>
      <c r="B7" s="20"/>
      <c r="C7" s="16">
        <v>11670</v>
      </c>
      <c r="D7" s="22">
        <v>5991</v>
      </c>
      <c r="E7" s="22">
        <v>5679</v>
      </c>
      <c r="F7" s="22"/>
      <c r="G7" s="21" t="s">
        <v>10</v>
      </c>
      <c r="H7" s="20"/>
      <c r="I7" s="16">
        <v>25566</v>
      </c>
      <c r="J7" s="22">
        <v>13053</v>
      </c>
      <c r="K7" s="22">
        <v>12513</v>
      </c>
    </row>
    <row r="8" spans="1:11" ht="15" customHeight="1">
      <c r="A8" s="20" t="s">
        <v>11</v>
      </c>
      <c r="B8" s="20"/>
      <c r="C8" s="16">
        <v>11317</v>
      </c>
      <c r="D8" s="22">
        <v>5777</v>
      </c>
      <c r="E8" s="22">
        <v>5540</v>
      </c>
      <c r="F8" s="22"/>
      <c r="G8" s="21" t="s">
        <v>12</v>
      </c>
      <c r="H8" s="20"/>
      <c r="I8" s="16">
        <v>25344</v>
      </c>
      <c r="J8" s="22">
        <v>13267</v>
      </c>
      <c r="K8" s="22">
        <v>12077</v>
      </c>
    </row>
    <row r="9" spans="1:11" ht="15" customHeight="1">
      <c r="A9" s="20" t="s">
        <v>13</v>
      </c>
      <c r="B9" s="20"/>
      <c r="C9" s="16">
        <v>11802</v>
      </c>
      <c r="D9" s="22">
        <v>6125</v>
      </c>
      <c r="E9" s="22">
        <v>5677</v>
      </c>
      <c r="F9" s="22"/>
      <c r="G9" s="21" t="s">
        <v>14</v>
      </c>
      <c r="H9" s="20"/>
      <c r="I9" s="16">
        <v>24568</v>
      </c>
      <c r="J9" s="22">
        <v>12739</v>
      </c>
      <c r="K9" s="22">
        <v>11829</v>
      </c>
    </row>
    <row r="10" spans="1:11" ht="15" customHeight="1">
      <c r="A10" s="20" t="s">
        <v>15</v>
      </c>
      <c r="B10" s="20"/>
      <c r="C10" s="16">
        <v>11998</v>
      </c>
      <c r="D10" s="22">
        <v>6110</v>
      </c>
      <c r="E10" s="22">
        <v>5888</v>
      </c>
      <c r="F10" s="22"/>
      <c r="G10" s="21" t="s">
        <v>16</v>
      </c>
      <c r="H10" s="20"/>
      <c r="I10" s="16">
        <v>23968</v>
      </c>
      <c r="J10" s="22">
        <v>12606</v>
      </c>
      <c r="K10" s="22">
        <v>11362</v>
      </c>
    </row>
    <row r="11" spans="1:11" ht="20.100000000000001" customHeight="1">
      <c r="A11" s="20" t="s">
        <v>17</v>
      </c>
      <c r="B11" s="20"/>
      <c r="C11" s="16">
        <v>62378</v>
      </c>
      <c r="D11" s="17">
        <v>31953</v>
      </c>
      <c r="E11" s="17">
        <v>30425</v>
      </c>
      <c r="F11" s="17"/>
      <c r="G11" s="21" t="s">
        <v>18</v>
      </c>
      <c r="H11" s="20"/>
      <c r="I11" s="16">
        <v>102404</v>
      </c>
      <c r="J11" s="17">
        <v>54059</v>
      </c>
      <c r="K11" s="17">
        <v>48345</v>
      </c>
    </row>
    <row r="12" spans="1:11" ht="15" customHeight="1">
      <c r="A12" s="20" t="s">
        <v>19</v>
      </c>
      <c r="B12" s="20"/>
      <c r="C12" s="16">
        <v>12301</v>
      </c>
      <c r="D12" s="22">
        <v>6354</v>
      </c>
      <c r="E12" s="22">
        <v>5947</v>
      </c>
      <c r="F12" s="22"/>
      <c r="G12" s="21" t="s">
        <v>20</v>
      </c>
      <c r="H12" s="20"/>
      <c r="I12" s="16">
        <v>24299</v>
      </c>
      <c r="J12" s="22">
        <v>12794</v>
      </c>
      <c r="K12" s="22">
        <v>11505</v>
      </c>
    </row>
    <row r="13" spans="1:11" ht="15" customHeight="1">
      <c r="A13" s="20" t="s">
        <v>21</v>
      </c>
      <c r="B13" s="20"/>
      <c r="C13" s="16">
        <v>12469</v>
      </c>
      <c r="D13" s="22">
        <v>6331</v>
      </c>
      <c r="E13" s="22">
        <v>6138</v>
      </c>
      <c r="F13" s="22"/>
      <c r="G13" s="21" t="s">
        <v>22</v>
      </c>
      <c r="H13" s="20"/>
      <c r="I13" s="16">
        <v>17303</v>
      </c>
      <c r="J13" s="22">
        <v>9144</v>
      </c>
      <c r="K13" s="22">
        <v>8159</v>
      </c>
    </row>
    <row r="14" spans="1:11" ht="15" customHeight="1">
      <c r="A14" s="20" t="s">
        <v>23</v>
      </c>
      <c r="B14" s="20"/>
      <c r="C14" s="16">
        <v>12755</v>
      </c>
      <c r="D14" s="22">
        <v>6491</v>
      </c>
      <c r="E14" s="22">
        <v>6264</v>
      </c>
      <c r="F14" s="22"/>
      <c r="G14" s="21" t="s">
        <v>24</v>
      </c>
      <c r="H14" s="20"/>
      <c r="I14" s="16">
        <v>22140</v>
      </c>
      <c r="J14" s="22">
        <v>11651</v>
      </c>
      <c r="K14" s="22">
        <v>10489</v>
      </c>
    </row>
    <row r="15" spans="1:11" ht="15" customHeight="1">
      <c r="A15" s="20" t="s">
        <v>25</v>
      </c>
      <c r="B15" s="20"/>
      <c r="C15" s="16">
        <v>12373</v>
      </c>
      <c r="D15" s="22">
        <v>6368</v>
      </c>
      <c r="E15" s="22">
        <v>6005</v>
      </c>
      <c r="F15" s="22"/>
      <c r="G15" s="21" t="s">
        <v>26</v>
      </c>
      <c r="H15" s="20"/>
      <c r="I15" s="16">
        <v>19911</v>
      </c>
      <c r="J15" s="22">
        <v>10578</v>
      </c>
      <c r="K15" s="22">
        <v>9333</v>
      </c>
    </row>
    <row r="16" spans="1:11" ht="15" customHeight="1">
      <c r="A16" s="20" t="s">
        <v>27</v>
      </c>
      <c r="B16" s="20"/>
      <c r="C16" s="16">
        <v>12480</v>
      </c>
      <c r="D16" s="22">
        <v>6409</v>
      </c>
      <c r="E16" s="22">
        <v>6071</v>
      </c>
      <c r="F16" s="22"/>
      <c r="G16" s="21" t="s">
        <v>28</v>
      </c>
      <c r="H16" s="20"/>
      <c r="I16" s="16">
        <v>18751</v>
      </c>
      <c r="J16" s="22">
        <v>9892</v>
      </c>
      <c r="K16" s="22">
        <v>8859</v>
      </c>
    </row>
    <row r="17" spans="1:11" ht="20.100000000000001" customHeight="1">
      <c r="A17" s="24" t="s">
        <v>29</v>
      </c>
      <c r="B17" s="24"/>
      <c r="C17" s="16">
        <v>62198</v>
      </c>
      <c r="D17" s="17">
        <v>31931</v>
      </c>
      <c r="E17" s="17">
        <v>30267</v>
      </c>
      <c r="F17" s="17"/>
      <c r="G17" s="21" t="s">
        <v>30</v>
      </c>
      <c r="H17" s="20"/>
      <c r="I17" s="16">
        <v>78336</v>
      </c>
      <c r="J17" s="17">
        <v>40929</v>
      </c>
      <c r="K17" s="17">
        <v>37407</v>
      </c>
    </row>
    <row r="18" spans="1:11" ht="15" customHeight="1">
      <c r="A18" s="20" t="s">
        <v>31</v>
      </c>
      <c r="B18" s="20"/>
      <c r="C18" s="16">
        <v>12489</v>
      </c>
      <c r="D18" s="22">
        <v>6440</v>
      </c>
      <c r="E18" s="22">
        <v>6049</v>
      </c>
      <c r="F18" s="22"/>
      <c r="G18" s="21" t="s">
        <v>32</v>
      </c>
      <c r="H18" s="20"/>
      <c r="I18" s="16">
        <v>17402</v>
      </c>
      <c r="J18" s="22">
        <v>9253</v>
      </c>
      <c r="K18" s="22">
        <v>8149</v>
      </c>
    </row>
    <row r="19" spans="1:11" ht="15" customHeight="1">
      <c r="A19" s="20" t="s">
        <v>33</v>
      </c>
      <c r="B19" s="20"/>
      <c r="C19" s="16">
        <v>12429</v>
      </c>
      <c r="D19" s="22">
        <v>6387</v>
      </c>
      <c r="E19" s="22">
        <v>6042</v>
      </c>
      <c r="F19" s="22"/>
      <c r="G19" s="21" t="s">
        <v>34</v>
      </c>
      <c r="H19" s="20"/>
      <c r="I19" s="16">
        <v>16251</v>
      </c>
      <c r="J19" s="22">
        <v>8446</v>
      </c>
      <c r="K19" s="22">
        <v>7805</v>
      </c>
    </row>
    <row r="20" spans="1:11" ht="15" customHeight="1">
      <c r="A20" s="20" t="s">
        <v>35</v>
      </c>
      <c r="B20" s="20"/>
      <c r="C20" s="16">
        <v>12519</v>
      </c>
      <c r="D20" s="22">
        <v>6447</v>
      </c>
      <c r="E20" s="22">
        <v>6072</v>
      </c>
      <c r="F20" s="22"/>
      <c r="G20" s="21" t="s">
        <v>36</v>
      </c>
      <c r="H20" s="20"/>
      <c r="I20" s="16">
        <v>15520</v>
      </c>
      <c r="J20" s="22">
        <v>8135</v>
      </c>
      <c r="K20" s="22">
        <v>7385</v>
      </c>
    </row>
    <row r="21" spans="1:11" ht="15" customHeight="1">
      <c r="A21" s="20" t="s">
        <v>37</v>
      </c>
      <c r="B21" s="20"/>
      <c r="C21" s="16">
        <v>12321</v>
      </c>
      <c r="D21" s="22">
        <v>6288</v>
      </c>
      <c r="E21" s="22">
        <v>6033</v>
      </c>
      <c r="F21" s="22"/>
      <c r="G21" s="21" t="s">
        <v>38</v>
      </c>
      <c r="H21" s="20"/>
      <c r="I21" s="16">
        <v>14817</v>
      </c>
      <c r="J21" s="22">
        <v>7707</v>
      </c>
      <c r="K21" s="22">
        <v>7110</v>
      </c>
    </row>
    <row r="22" spans="1:11" ht="15" customHeight="1">
      <c r="A22" s="20" t="s">
        <v>39</v>
      </c>
      <c r="B22" s="20"/>
      <c r="C22" s="16">
        <v>12440</v>
      </c>
      <c r="D22" s="22">
        <v>6369</v>
      </c>
      <c r="E22" s="22">
        <v>6071</v>
      </c>
      <c r="F22" s="22"/>
      <c r="G22" s="21" t="s">
        <v>40</v>
      </c>
      <c r="H22" s="20"/>
      <c r="I22" s="16">
        <v>14346</v>
      </c>
      <c r="J22" s="22">
        <v>7388</v>
      </c>
      <c r="K22" s="22">
        <v>6958</v>
      </c>
    </row>
    <row r="23" spans="1:11" ht="20.100000000000001" customHeight="1">
      <c r="A23" s="20" t="s">
        <v>41</v>
      </c>
      <c r="B23" s="20"/>
      <c r="C23" s="16">
        <v>61574</v>
      </c>
      <c r="D23" s="17">
        <v>31566</v>
      </c>
      <c r="E23" s="17">
        <v>30008</v>
      </c>
      <c r="F23" s="17"/>
      <c r="G23" s="21" t="s">
        <v>42</v>
      </c>
      <c r="H23" s="20"/>
      <c r="I23" s="16">
        <v>65130</v>
      </c>
      <c r="J23" s="17">
        <v>32847</v>
      </c>
      <c r="K23" s="17">
        <v>32283</v>
      </c>
    </row>
    <row r="24" spans="1:11" ht="15" customHeight="1">
      <c r="A24" s="20" t="s">
        <v>43</v>
      </c>
      <c r="B24" s="20"/>
      <c r="C24" s="16">
        <v>12385</v>
      </c>
      <c r="D24" s="22">
        <v>6356</v>
      </c>
      <c r="E24" s="22">
        <v>6029</v>
      </c>
      <c r="F24" s="22"/>
      <c r="G24" s="21" t="s">
        <v>44</v>
      </c>
      <c r="H24" s="20"/>
      <c r="I24" s="16">
        <v>13050</v>
      </c>
      <c r="J24" s="22">
        <v>6672</v>
      </c>
      <c r="K24" s="22">
        <v>6378</v>
      </c>
    </row>
    <row r="25" spans="1:11" ht="15" customHeight="1">
      <c r="A25" s="20" t="s">
        <v>45</v>
      </c>
      <c r="B25" s="20"/>
      <c r="C25" s="16">
        <v>12246</v>
      </c>
      <c r="D25" s="22">
        <v>6298</v>
      </c>
      <c r="E25" s="22">
        <v>5948</v>
      </c>
      <c r="F25" s="22"/>
      <c r="G25" s="21" t="s">
        <v>46</v>
      </c>
      <c r="H25" s="20"/>
      <c r="I25" s="16">
        <v>13118</v>
      </c>
      <c r="J25" s="22">
        <v>6742</v>
      </c>
      <c r="K25" s="22">
        <v>6376</v>
      </c>
    </row>
    <row r="26" spans="1:11" ht="15" customHeight="1">
      <c r="A26" s="20" t="s">
        <v>47</v>
      </c>
      <c r="B26" s="20"/>
      <c r="C26" s="16">
        <v>11678</v>
      </c>
      <c r="D26" s="22">
        <v>5983</v>
      </c>
      <c r="E26" s="22">
        <v>5695</v>
      </c>
      <c r="F26" s="22"/>
      <c r="G26" s="21" t="s">
        <v>48</v>
      </c>
      <c r="H26" s="20"/>
      <c r="I26" s="16">
        <v>13052</v>
      </c>
      <c r="J26" s="22">
        <v>6513</v>
      </c>
      <c r="K26" s="22">
        <v>6539</v>
      </c>
    </row>
    <row r="27" spans="1:11" ht="15" customHeight="1">
      <c r="A27" s="20" t="s">
        <v>49</v>
      </c>
      <c r="B27" s="20"/>
      <c r="C27" s="16">
        <v>12294</v>
      </c>
      <c r="D27" s="22">
        <v>6298</v>
      </c>
      <c r="E27" s="22">
        <v>5996</v>
      </c>
      <c r="F27" s="22"/>
      <c r="G27" s="21" t="s">
        <v>50</v>
      </c>
      <c r="H27" s="20"/>
      <c r="I27" s="16">
        <v>12750</v>
      </c>
      <c r="J27" s="22">
        <v>6414</v>
      </c>
      <c r="K27" s="22">
        <v>6336</v>
      </c>
    </row>
    <row r="28" spans="1:11" ht="15" customHeight="1">
      <c r="A28" s="20" t="s">
        <v>51</v>
      </c>
      <c r="B28" s="20"/>
      <c r="C28" s="16">
        <v>12971</v>
      </c>
      <c r="D28" s="22">
        <v>6631</v>
      </c>
      <c r="E28" s="22">
        <v>6340</v>
      </c>
      <c r="F28" s="22"/>
      <c r="G28" s="21" t="s">
        <v>52</v>
      </c>
      <c r="H28" s="20"/>
      <c r="I28" s="16">
        <v>13160</v>
      </c>
      <c r="J28" s="22">
        <v>6506</v>
      </c>
      <c r="K28" s="22">
        <v>6654</v>
      </c>
    </row>
    <row r="29" spans="1:11" ht="20.100000000000001" customHeight="1">
      <c r="A29" s="20" t="s">
        <v>53</v>
      </c>
      <c r="B29" s="20"/>
      <c r="C29" s="16">
        <v>91599</v>
      </c>
      <c r="D29" s="17">
        <v>46088</v>
      </c>
      <c r="E29" s="17">
        <v>45511</v>
      </c>
      <c r="F29" s="17"/>
      <c r="G29" s="21" t="s">
        <v>54</v>
      </c>
      <c r="H29" s="20"/>
      <c r="I29" s="16">
        <v>76825</v>
      </c>
      <c r="J29" s="17">
        <v>37033</v>
      </c>
      <c r="K29" s="17">
        <v>39792</v>
      </c>
    </row>
    <row r="30" spans="1:11" ht="15" customHeight="1">
      <c r="A30" s="20" t="s">
        <v>55</v>
      </c>
      <c r="B30" s="20"/>
      <c r="C30" s="16">
        <v>14280</v>
      </c>
      <c r="D30" s="22">
        <v>7259</v>
      </c>
      <c r="E30" s="22">
        <v>7021</v>
      </c>
      <c r="F30" s="22"/>
      <c r="G30" s="21" t="s">
        <v>56</v>
      </c>
      <c r="H30" s="20"/>
      <c r="I30" s="16">
        <v>14005</v>
      </c>
      <c r="J30" s="22">
        <v>6889</v>
      </c>
      <c r="K30" s="22">
        <v>7116</v>
      </c>
    </row>
    <row r="31" spans="1:11" ht="15" customHeight="1">
      <c r="A31" s="20" t="s">
        <v>57</v>
      </c>
      <c r="B31" s="20"/>
      <c r="C31" s="16">
        <v>16506</v>
      </c>
      <c r="D31" s="22">
        <v>8273</v>
      </c>
      <c r="E31" s="22">
        <v>8233</v>
      </c>
      <c r="F31" s="22"/>
      <c r="G31" s="21" t="s">
        <v>58</v>
      </c>
      <c r="H31" s="20"/>
      <c r="I31" s="16">
        <v>14154</v>
      </c>
      <c r="J31" s="22">
        <v>6893</v>
      </c>
      <c r="K31" s="22">
        <v>7261</v>
      </c>
    </row>
    <row r="32" spans="1:11" ht="15" customHeight="1">
      <c r="A32" s="20" t="s">
        <v>59</v>
      </c>
      <c r="B32" s="20"/>
      <c r="C32" s="16">
        <v>18274</v>
      </c>
      <c r="D32" s="22">
        <v>9192</v>
      </c>
      <c r="E32" s="22">
        <v>9082</v>
      </c>
      <c r="F32" s="22"/>
      <c r="G32" s="21" t="s">
        <v>60</v>
      </c>
      <c r="H32" s="20"/>
      <c r="I32" s="16">
        <v>15181</v>
      </c>
      <c r="J32" s="22">
        <v>7407</v>
      </c>
      <c r="K32" s="22">
        <v>7774</v>
      </c>
    </row>
    <row r="33" spans="1:11" ht="15" customHeight="1">
      <c r="A33" s="20" t="s">
        <v>61</v>
      </c>
      <c r="B33" s="20"/>
      <c r="C33" s="16">
        <v>20463</v>
      </c>
      <c r="D33" s="22">
        <v>10157</v>
      </c>
      <c r="E33" s="22">
        <v>10306</v>
      </c>
      <c r="F33" s="22"/>
      <c r="G33" s="21" t="s">
        <v>62</v>
      </c>
      <c r="H33" s="20"/>
      <c r="I33" s="16">
        <v>16990</v>
      </c>
      <c r="J33" s="22">
        <v>8036</v>
      </c>
      <c r="K33" s="22">
        <v>8954</v>
      </c>
    </row>
    <row r="34" spans="1:11" ht="15" customHeight="1">
      <c r="A34" s="20" t="s">
        <v>63</v>
      </c>
      <c r="B34" s="20"/>
      <c r="C34" s="16">
        <v>22076</v>
      </c>
      <c r="D34" s="22">
        <v>11207</v>
      </c>
      <c r="E34" s="22">
        <v>10869</v>
      </c>
      <c r="F34" s="22"/>
      <c r="G34" s="21" t="s">
        <v>64</v>
      </c>
      <c r="H34" s="20"/>
      <c r="I34" s="16">
        <v>16495</v>
      </c>
      <c r="J34" s="22">
        <v>7808</v>
      </c>
      <c r="K34" s="22">
        <v>8687</v>
      </c>
    </row>
    <row r="35" spans="1:11" ht="20.100000000000001" customHeight="1">
      <c r="A35" s="20" t="s">
        <v>65</v>
      </c>
      <c r="B35" s="20"/>
      <c r="C35" s="16">
        <v>109206</v>
      </c>
      <c r="D35" s="17">
        <v>56456</v>
      </c>
      <c r="E35" s="17">
        <v>52750</v>
      </c>
      <c r="F35" s="17"/>
      <c r="G35" s="21" t="s">
        <v>66</v>
      </c>
      <c r="H35" s="20"/>
      <c r="I35" s="16">
        <v>60623</v>
      </c>
      <c r="J35" s="17">
        <v>27727</v>
      </c>
      <c r="K35" s="17">
        <v>32896</v>
      </c>
    </row>
    <row r="36" spans="1:11" ht="15" customHeight="1">
      <c r="A36" s="20" t="s">
        <v>67</v>
      </c>
      <c r="B36" s="20"/>
      <c r="C36" s="16">
        <v>22131</v>
      </c>
      <c r="D36" s="22">
        <v>11400</v>
      </c>
      <c r="E36" s="22">
        <v>10731</v>
      </c>
      <c r="F36" s="22"/>
      <c r="G36" s="21" t="s">
        <v>68</v>
      </c>
      <c r="H36" s="20"/>
      <c r="I36" s="16">
        <v>15891</v>
      </c>
      <c r="J36" s="22">
        <v>7443</v>
      </c>
      <c r="K36" s="22">
        <v>8448</v>
      </c>
    </row>
    <row r="37" spans="1:11" ht="15" customHeight="1">
      <c r="A37" s="20" t="s">
        <v>69</v>
      </c>
      <c r="B37" s="20"/>
      <c r="C37" s="16">
        <v>22419</v>
      </c>
      <c r="D37" s="22">
        <v>11589</v>
      </c>
      <c r="E37" s="22">
        <v>10830</v>
      </c>
      <c r="F37" s="22"/>
      <c r="G37" s="21" t="s">
        <v>70</v>
      </c>
      <c r="H37" s="20"/>
      <c r="I37" s="16">
        <v>10969</v>
      </c>
      <c r="J37" s="22">
        <v>5112</v>
      </c>
      <c r="K37" s="22">
        <v>5857</v>
      </c>
    </row>
    <row r="38" spans="1:11" ht="15" customHeight="1">
      <c r="A38" s="20" t="s">
        <v>71</v>
      </c>
      <c r="B38" s="20"/>
      <c r="C38" s="16">
        <v>21838</v>
      </c>
      <c r="D38" s="22">
        <v>11417</v>
      </c>
      <c r="E38" s="22">
        <v>10421</v>
      </c>
      <c r="F38" s="22"/>
      <c r="G38" s="21" t="s">
        <v>72</v>
      </c>
      <c r="H38" s="20"/>
      <c r="I38" s="16">
        <v>9761</v>
      </c>
      <c r="J38" s="22">
        <v>4475</v>
      </c>
      <c r="K38" s="22">
        <v>5286</v>
      </c>
    </row>
    <row r="39" spans="1:11" ht="15" customHeight="1">
      <c r="A39" s="20" t="s">
        <v>73</v>
      </c>
      <c r="B39" s="20"/>
      <c r="C39" s="16">
        <v>21999</v>
      </c>
      <c r="D39" s="22">
        <v>11230</v>
      </c>
      <c r="E39" s="22">
        <v>10769</v>
      </c>
      <c r="F39" s="22"/>
      <c r="G39" s="21" t="s">
        <v>74</v>
      </c>
      <c r="H39" s="20"/>
      <c r="I39" s="16">
        <v>11780</v>
      </c>
      <c r="J39" s="22">
        <v>5263</v>
      </c>
      <c r="K39" s="22">
        <v>6517</v>
      </c>
    </row>
    <row r="40" spans="1:11" ht="15" customHeight="1">
      <c r="A40" s="20" t="s">
        <v>75</v>
      </c>
      <c r="B40" s="20"/>
      <c r="C40" s="16">
        <v>20819</v>
      </c>
      <c r="D40" s="22">
        <v>10820</v>
      </c>
      <c r="E40" s="22">
        <v>9999</v>
      </c>
      <c r="F40" s="22"/>
      <c r="G40" s="21" t="s">
        <v>76</v>
      </c>
      <c r="H40" s="20"/>
      <c r="I40" s="16">
        <v>12222</v>
      </c>
      <c r="J40" s="22">
        <v>5434</v>
      </c>
      <c r="K40" s="22">
        <v>6788</v>
      </c>
    </row>
    <row r="41" spans="1:11" ht="20.100000000000001" customHeight="1">
      <c r="A41" s="20" t="s">
        <v>77</v>
      </c>
      <c r="B41" s="20"/>
      <c r="C41" s="16">
        <v>100928</v>
      </c>
      <c r="D41" s="17">
        <v>52137</v>
      </c>
      <c r="E41" s="17">
        <v>48791</v>
      </c>
      <c r="F41" s="17"/>
      <c r="G41" s="21" t="s">
        <v>78</v>
      </c>
      <c r="H41" s="20"/>
      <c r="I41" s="16">
        <v>48084</v>
      </c>
      <c r="J41" s="17">
        <v>20124</v>
      </c>
      <c r="K41" s="17">
        <v>27960</v>
      </c>
    </row>
    <row r="42" spans="1:11" ht="15" customHeight="1">
      <c r="A42" s="20" t="s">
        <v>79</v>
      </c>
      <c r="B42" s="20"/>
      <c r="C42" s="16">
        <v>20772</v>
      </c>
      <c r="D42" s="22">
        <v>10670</v>
      </c>
      <c r="E42" s="22">
        <v>10102</v>
      </c>
      <c r="F42" s="22"/>
      <c r="G42" s="21" t="s">
        <v>80</v>
      </c>
      <c r="H42" s="20"/>
      <c r="I42" s="16">
        <v>11267</v>
      </c>
      <c r="J42" s="22">
        <v>4895</v>
      </c>
      <c r="K42" s="22">
        <v>6372</v>
      </c>
    </row>
    <row r="43" spans="1:11" ht="15" customHeight="1">
      <c r="A43" s="20" t="s">
        <v>81</v>
      </c>
      <c r="B43" s="20"/>
      <c r="C43" s="16">
        <v>20321</v>
      </c>
      <c r="D43" s="22">
        <v>10558</v>
      </c>
      <c r="E43" s="22">
        <v>9763</v>
      </c>
      <c r="F43" s="22"/>
      <c r="G43" s="21" t="s">
        <v>82</v>
      </c>
      <c r="H43" s="20"/>
      <c r="I43" s="16">
        <v>11180</v>
      </c>
      <c r="J43" s="22">
        <v>4814</v>
      </c>
      <c r="K43" s="22">
        <v>6366</v>
      </c>
    </row>
    <row r="44" spans="1:11" ht="15" customHeight="1">
      <c r="A44" s="20" t="s">
        <v>83</v>
      </c>
      <c r="B44" s="20"/>
      <c r="C44" s="16">
        <v>19821</v>
      </c>
      <c r="D44" s="22">
        <v>10239</v>
      </c>
      <c r="E44" s="22">
        <v>9582</v>
      </c>
      <c r="F44" s="22"/>
      <c r="G44" s="21" t="s">
        <v>84</v>
      </c>
      <c r="H44" s="20"/>
      <c r="I44" s="16">
        <v>9661</v>
      </c>
      <c r="J44" s="22">
        <v>4018</v>
      </c>
      <c r="K44" s="22">
        <v>5643</v>
      </c>
    </row>
    <row r="45" spans="1:11" ht="15" customHeight="1">
      <c r="A45" s="20" t="s">
        <v>85</v>
      </c>
      <c r="B45" s="20"/>
      <c r="C45" s="16">
        <v>19769</v>
      </c>
      <c r="D45" s="22">
        <v>10199</v>
      </c>
      <c r="E45" s="22">
        <v>9570</v>
      </c>
      <c r="F45" s="22"/>
      <c r="G45" s="21" t="s">
        <v>86</v>
      </c>
      <c r="H45" s="20"/>
      <c r="I45" s="16">
        <v>8238</v>
      </c>
      <c r="J45" s="22">
        <v>3351</v>
      </c>
      <c r="K45" s="22">
        <v>4887</v>
      </c>
    </row>
    <row r="46" spans="1:11" ht="15" customHeight="1">
      <c r="A46" s="20" t="s">
        <v>87</v>
      </c>
      <c r="B46" s="20"/>
      <c r="C46" s="16">
        <v>20245</v>
      </c>
      <c r="D46" s="22">
        <v>10471</v>
      </c>
      <c r="E46" s="22">
        <v>9774</v>
      </c>
      <c r="F46" s="22"/>
      <c r="G46" s="21" t="s">
        <v>88</v>
      </c>
      <c r="H46" s="20"/>
      <c r="I46" s="16">
        <v>7738</v>
      </c>
      <c r="J46" s="22">
        <v>3046</v>
      </c>
      <c r="K46" s="22">
        <v>4692</v>
      </c>
    </row>
    <row r="47" spans="1:11" ht="20.100000000000001" customHeight="1">
      <c r="A47" s="20" t="s">
        <v>89</v>
      </c>
      <c r="B47" s="20"/>
      <c r="C47" s="16">
        <v>104927</v>
      </c>
      <c r="D47" s="17">
        <v>54872</v>
      </c>
      <c r="E47" s="17">
        <v>50055</v>
      </c>
      <c r="F47" s="17"/>
      <c r="G47" s="21" t="s">
        <v>90</v>
      </c>
      <c r="H47" s="20"/>
      <c r="I47" s="16">
        <v>32641</v>
      </c>
      <c r="J47" s="17">
        <v>11804</v>
      </c>
      <c r="K47" s="17">
        <v>20837</v>
      </c>
    </row>
    <row r="48" spans="1:11" ht="15" customHeight="1">
      <c r="A48" s="20" t="s">
        <v>91</v>
      </c>
      <c r="B48" s="20"/>
      <c r="C48" s="16">
        <v>20120</v>
      </c>
      <c r="D48" s="22">
        <v>10364</v>
      </c>
      <c r="E48" s="22">
        <v>9756</v>
      </c>
      <c r="F48" s="22"/>
      <c r="G48" s="21" t="s">
        <v>92</v>
      </c>
      <c r="H48" s="20"/>
      <c r="I48" s="16">
        <v>8039</v>
      </c>
      <c r="J48" s="22">
        <v>3074</v>
      </c>
      <c r="K48" s="22">
        <v>4965</v>
      </c>
    </row>
    <row r="49" spans="1:11" ht="15" customHeight="1">
      <c r="A49" s="20" t="s">
        <v>93</v>
      </c>
      <c r="B49" s="20"/>
      <c r="C49" s="16">
        <v>20492</v>
      </c>
      <c r="D49" s="22">
        <v>10734</v>
      </c>
      <c r="E49" s="22">
        <v>9758</v>
      </c>
      <c r="F49" s="22"/>
      <c r="G49" s="21" t="s">
        <v>94</v>
      </c>
      <c r="H49" s="20"/>
      <c r="I49" s="16">
        <v>7146</v>
      </c>
      <c r="J49" s="22">
        <v>2731</v>
      </c>
      <c r="K49" s="22">
        <v>4415</v>
      </c>
    </row>
    <row r="50" spans="1:11" ht="15" customHeight="1">
      <c r="A50" s="20" t="s">
        <v>95</v>
      </c>
      <c r="B50" s="20"/>
      <c r="C50" s="16">
        <v>20966</v>
      </c>
      <c r="D50" s="22">
        <v>11039</v>
      </c>
      <c r="E50" s="22">
        <v>9927</v>
      </c>
      <c r="F50" s="22"/>
      <c r="G50" s="21" t="s">
        <v>96</v>
      </c>
      <c r="H50" s="20"/>
      <c r="I50" s="16">
        <v>6785</v>
      </c>
      <c r="J50" s="22">
        <v>2389</v>
      </c>
      <c r="K50" s="22">
        <v>4396</v>
      </c>
    </row>
    <row r="51" spans="1:11" ht="15" customHeight="1">
      <c r="A51" s="20" t="s">
        <v>97</v>
      </c>
      <c r="B51" s="20"/>
      <c r="C51" s="16">
        <v>21550</v>
      </c>
      <c r="D51" s="22">
        <v>11339</v>
      </c>
      <c r="E51" s="22">
        <v>10211</v>
      </c>
      <c r="F51" s="22"/>
      <c r="G51" s="21" t="s">
        <v>98</v>
      </c>
      <c r="H51" s="20"/>
      <c r="I51" s="16">
        <v>5510</v>
      </c>
      <c r="J51" s="22">
        <v>1850</v>
      </c>
      <c r="K51" s="22">
        <v>3660</v>
      </c>
    </row>
    <row r="52" spans="1:11" ht="15" customHeight="1">
      <c r="A52" s="20" t="s">
        <v>99</v>
      </c>
      <c r="B52" s="20"/>
      <c r="C52" s="16">
        <v>21799</v>
      </c>
      <c r="D52" s="22">
        <v>11396</v>
      </c>
      <c r="E52" s="22">
        <v>10403</v>
      </c>
      <c r="F52" s="22"/>
      <c r="G52" s="21" t="s">
        <v>100</v>
      </c>
      <c r="H52" s="20"/>
      <c r="I52" s="16">
        <v>5161</v>
      </c>
      <c r="J52" s="22">
        <v>1760</v>
      </c>
      <c r="K52" s="22">
        <v>3401</v>
      </c>
    </row>
    <row r="53" spans="1:11" ht="20.100000000000001" customHeight="1">
      <c r="A53" s="20" t="s">
        <v>101</v>
      </c>
      <c r="B53" s="20"/>
      <c r="C53" s="16">
        <v>109098</v>
      </c>
      <c r="D53" s="17">
        <v>56678</v>
      </c>
      <c r="E53" s="17">
        <v>52420</v>
      </c>
      <c r="F53" s="17"/>
      <c r="G53" s="21" t="s">
        <v>102</v>
      </c>
      <c r="H53" s="20"/>
      <c r="I53" s="16">
        <v>16292</v>
      </c>
      <c r="J53" s="17">
        <v>4613</v>
      </c>
      <c r="K53" s="17">
        <v>11679</v>
      </c>
    </row>
    <row r="54" spans="1:11" ht="15" customHeight="1">
      <c r="A54" s="20" t="s">
        <v>103</v>
      </c>
      <c r="B54" s="20"/>
      <c r="C54" s="16">
        <v>21146</v>
      </c>
      <c r="D54" s="22">
        <v>11140</v>
      </c>
      <c r="E54" s="22">
        <v>10006</v>
      </c>
      <c r="F54" s="22"/>
      <c r="G54" s="21" t="s">
        <v>104</v>
      </c>
      <c r="H54" s="20"/>
      <c r="I54" s="16">
        <v>4650</v>
      </c>
      <c r="J54" s="22">
        <v>1436</v>
      </c>
      <c r="K54" s="22">
        <v>3214</v>
      </c>
    </row>
    <row r="55" spans="1:11" ht="15" customHeight="1">
      <c r="A55" s="20" t="s">
        <v>105</v>
      </c>
      <c r="B55" s="20"/>
      <c r="C55" s="16">
        <v>21245</v>
      </c>
      <c r="D55" s="22">
        <v>11012</v>
      </c>
      <c r="E55" s="22">
        <v>10233</v>
      </c>
      <c r="F55" s="22"/>
      <c r="G55" s="21" t="s">
        <v>106</v>
      </c>
      <c r="H55" s="20"/>
      <c r="I55" s="16">
        <v>3789</v>
      </c>
      <c r="J55" s="22">
        <v>1111</v>
      </c>
      <c r="K55" s="22">
        <v>2678</v>
      </c>
    </row>
    <row r="56" spans="1:11" ht="15" customHeight="1">
      <c r="A56" s="20" t="s">
        <v>107</v>
      </c>
      <c r="B56" s="20"/>
      <c r="C56" s="16">
        <v>21446</v>
      </c>
      <c r="D56" s="22">
        <v>11084</v>
      </c>
      <c r="E56" s="22">
        <v>10362</v>
      </c>
      <c r="F56" s="22"/>
      <c r="G56" s="21" t="s">
        <v>108</v>
      </c>
      <c r="H56" s="20"/>
      <c r="I56" s="16">
        <v>3098</v>
      </c>
      <c r="J56" s="22">
        <v>873</v>
      </c>
      <c r="K56" s="22">
        <v>2225</v>
      </c>
    </row>
    <row r="57" spans="1:11" ht="15" customHeight="1">
      <c r="A57" s="20" t="s">
        <v>109</v>
      </c>
      <c r="B57" s="20"/>
      <c r="C57" s="16">
        <v>22249</v>
      </c>
      <c r="D57" s="22">
        <v>11577</v>
      </c>
      <c r="E57" s="22">
        <v>10672</v>
      </c>
      <c r="F57" s="22"/>
      <c r="G57" s="21" t="s">
        <v>110</v>
      </c>
      <c r="H57" s="20"/>
      <c r="I57" s="16">
        <v>2578</v>
      </c>
      <c r="J57" s="22">
        <v>681</v>
      </c>
      <c r="K57" s="22">
        <v>1897</v>
      </c>
    </row>
    <row r="58" spans="1:11" ht="15" customHeight="1">
      <c r="A58" s="20" t="s">
        <v>111</v>
      </c>
      <c r="B58" s="20"/>
      <c r="C58" s="16">
        <v>23012</v>
      </c>
      <c r="D58" s="22">
        <v>11865</v>
      </c>
      <c r="E58" s="22">
        <v>11147</v>
      </c>
      <c r="F58" s="22"/>
      <c r="G58" s="21" t="s">
        <v>112</v>
      </c>
      <c r="H58" s="20"/>
      <c r="I58" s="16">
        <v>2177</v>
      </c>
      <c r="J58" s="22">
        <v>512</v>
      </c>
      <c r="K58" s="22">
        <v>1665</v>
      </c>
    </row>
    <row r="59" spans="1:11" ht="20.100000000000001" customHeight="1">
      <c r="A59" s="20" t="s">
        <v>113</v>
      </c>
      <c r="B59" s="20"/>
      <c r="C59" s="16">
        <v>123302</v>
      </c>
      <c r="D59" s="17">
        <v>64011</v>
      </c>
      <c r="E59" s="17">
        <v>59291</v>
      </c>
      <c r="F59" s="17"/>
      <c r="G59" s="21" t="s">
        <v>114</v>
      </c>
      <c r="H59" s="20"/>
      <c r="I59" s="16">
        <v>4272</v>
      </c>
      <c r="J59" s="17">
        <v>964</v>
      </c>
      <c r="K59" s="17">
        <v>3308</v>
      </c>
    </row>
    <row r="60" spans="1:11" ht="15" customHeight="1">
      <c r="A60" s="20" t="s">
        <v>115</v>
      </c>
      <c r="B60" s="20"/>
      <c r="C60" s="16">
        <v>23091</v>
      </c>
      <c r="D60" s="22">
        <v>11828</v>
      </c>
      <c r="E60" s="22">
        <v>11263</v>
      </c>
      <c r="F60" s="22"/>
      <c r="G60" s="21" t="s">
        <v>116</v>
      </c>
      <c r="H60" s="20"/>
      <c r="I60" s="16">
        <v>1507</v>
      </c>
      <c r="J60" s="22">
        <v>341</v>
      </c>
      <c r="K60" s="22">
        <v>1166</v>
      </c>
    </row>
    <row r="61" spans="1:11" ht="15" customHeight="1">
      <c r="A61" s="20" t="s">
        <v>117</v>
      </c>
      <c r="B61" s="20"/>
      <c r="C61" s="16">
        <v>23897</v>
      </c>
      <c r="D61" s="22">
        <v>12347</v>
      </c>
      <c r="E61" s="22">
        <v>11550</v>
      </c>
      <c r="F61" s="22"/>
      <c r="G61" s="21" t="s">
        <v>118</v>
      </c>
      <c r="H61" s="20"/>
      <c r="I61" s="16">
        <v>1076</v>
      </c>
      <c r="J61" s="22">
        <v>293</v>
      </c>
      <c r="K61" s="22">
        <v>783</v>
      </c>
    </row>
    <row r="62" spans="1:11" ht="15" customHeight="1">
      <c r="A62" s="20" t="s">
        <v>119</v>
      </c>
      <c r="B62" s="20"/>
      <c r="C62" s="16">
        <v>24151</v>
      </c>
      <c r="D62" s="22">
        <v>12572</v>
      </c>
      <c r="E62" s="22">
        <v>11579</v>
      </c>
      <c r="F62" s="22"/>
      <c r="G62" s="21" t="s">
        <v>120</v>
      </c>
      <c r="H62" s="20"/>
      <c r="I62" s="16">
        <v>778</v>
      </c>
      <c r="J62" s="22">
        <v>176</v>
      </c>
      <c r="K62" s="22">
        <v>602</v>
      </c>
    </row>
    <row r="63" spans="1:11" ht="15" customHeight="1">
      <c r="A63" s="20" t="s">
        <v>121</v>
      </c>
      <c r="B63" s="20"/>
      <c r="C63" s="16">
        <v>25821</v>
      </c>
      <c r="D63" s="22">
        <v>13483</v>
      </c>
      <c r="E63" s="22">
        <v>12338</v>
      </c>
      <c r="F63" s="22"/>
      <c r="G63" s="21" t="s">
        <v>122</v>
      </c>
      <c r="H63" s="20"/>
      <c r="I63" s="16">
        <v>544</v>
      </c>
      <c r="J63" s="22">
        <v>92</v>
      </c>
      <c r="K63" s="22">
        <v>452</v>
      </c>
    </row>
    <row r="64" spans="1:11" ht="15" customHeight="1">
      <c r="A64" s="20" t="s">
        <v>123</v>
      </c>
      <c r="B64" s="20"/>
      <c r="C64" s="16">
        <v>26342</v>
      </c>
      <c r="D64" s="22">
        <v>13781</v>
      </c>
      <c r="E64" s="22">
        <v>12561</v>
      </c>
      <c r="F64" s="22"/>
      <c r="G64" s="21" t="s">
        <v>124</v>
      </c>
      <c r="H64" s="20"/>
      <c r="I64" s="16">
        <v>367</v>
      </c>
      <c r="J64" s="22">
        <v>62</v>
      </c>
      <c r="K64" s="22">
        <v>305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722</v>
      </c>
      <c r="J65" s="22">
        <v>101</v>
      </c>
      <c r="K65" s="22">
        <v>621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46350</v>
      </c>
      <c r="J66" s="32">
        <v>24415</v>
      </c>
      <c r="K66" s="32">
        <v>21935</v>
      </c>
    </row>
    <row r="68" spans="1:11">
      <c r="F68" s="2"/>
    </row>
    <row r="75" spans="1:11">
      <c r="F75" s="25"/>
    </row>
    <row r="76" spans="1:11">
      <c r="F76" s="26"/>
    </row>
    <row r="77" spans="1:11">
      <c r="F77" s="26"/>
    </row>
    <row r="78" spans="1:11">
      <c r="F78" s="26"/>
    </row>
    <row r="79" spans="1:11">
      <c r="F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78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30018</v>
      </c>
      <c r="D4" s="17">
        <v>123565</v>
      </c>
      <c r="E4" s="17">
        <v>106453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7035</v>
      </c>
      <c r="D5" s="17">
        <v>3666</v>
      </c>
      <c r="E5" s="17">
        <v>3369</v>
      </c>
      <c r="F5" s="17"/>
      <c r="G5" s="21" t="s">
        <v>6</v>
      </c>
      <c r="H5" s="20"/>
      <c r="I5" s="16">
        <v>18566</v>
      </c>
      <c r="J5" s="17">
        <v>10498</v>
      </c>
      <c r="K5" s="17">
        <v>8068</v>
      </c>
    </row>
    <row r="6" spans="1:11" ht="15" customHeight="1">
      <c r="A6" s="20" t="s">
        <v>7</v>
      </c>
      <c r="B6" s="20"/>
      <c r="C6" s="16">
        <v>1387</v>
      </c>
      <c r="D6" s="22">
        <v>698</v>
      </c>
      <c r="E6" s="22">
        <v>689</v>
      </c>
      <c r="F6" s="22"/>
      <c r="G6" s="21" t="s">
        <v>8</v>
      </c>
      <c r="H6" s="20"/>
      <c r="I6" s="16">
        <v>3915</v>
      </c>
      <c r="J6" s="22">
        <v>2189</v>
      </c>
      <c r="K6" s="22">
        <v>1726</v>
      </c>
    </row>
    <row r="7" spans="1:11" ht="15" customHeight="1">
      <c r="A7" s="20" t="s">
        <v>9</v>
      </c>
      <c r="B7" s="20"/>
      <c r="C7" s="16">
        <v>1453</v>
      </c>
      <c r="D7" s="22">
        <v>758</v>
      </c>
      <c r="E7" s="22">
        <v>695</v>
      </c>
      <c r="F7" s="22"/>
      <c r="G7" s="21" t="s">
        <v>10</v>
      </c>
      <c r="H7" s="20"/>
      <c r="I7" s="16">
        <v>3841</v>
      </c>
      <c r="J7" s="22">
        <v>2206</v>
      </c>
      <c r="K7" s="22">
        <v>1635</v>
      </c>
    </row>
    <row r="8" spans="1:11" ht="15" customHeight="1">
      <c r="A8" s="20" t="s">
        <v>11</v>
      </c>
      <c r="B8" s="20"/>
      <c r="C8" s="16">
        <v>1346</v>
      </c>
      <c r="D8" s="22">
        <v>684</v>
      </c>
      <c r="E8" s="22">
        <v>662</v>
      </c>
      <c r="F8" s="22"/>
      <c r="G8" s="21" t="s">
        <v>12</v>
      </c>
      <c r="H8" s="20"/>
      <c r="I8" s="16">
        <v>3782</v>
      </c>
      <c r="J8" s="22">
        <v>2157</v>
      </c>
      <c r="K8" s="22">
        <v>1625</v>
      </c>
    </row>
    <row r="9" spans="1:11" ht="15" customHeight="1">
      <c r="A9" s="20" t="s">
        <v>13</v>
      </c>
      <c r="B9" s="20"/>
      <c r="C9" s="16">
        <v>1423</v>
      </c>
      <c r="D9" s="22">
        <v>780</v>
      </c>
      <c r="E9" s="22">
        <v>643</v>
      </c>
      <c r="F9" s="22"/>
      <c r="G9" s="21" t="s">
        <v>14</v>
      </c>
      <c r="H9" s="20"/>
      <c r="I9" s="16">
        <v>3527</v>
      </c>
      <c r="J9" s="22">
        <v>1963</v>
      </c>
      <c r="K9" s="22">
        <v>1564</v>
      </c>
    </row>
    <row r="10" spans="1:11" ht="15" customHeight="1">
      <c r="A10" s="20" t="s">
        <v>15</v>
      </c>
      <c r="B10" s="20"/>
      <c r="C10" s="16">
        <v>1426</v>
      </c>
      <c r="D10" s="22">
        <v>746</v>
      </c>
      <c r="E10" s="22">
        <v>680</v>
      </c>
      <c r="F10" s="22"/>
      <c r="G10" s="21" t="s">
        <v>16</v>
      </c>
      <c r="H10" s="20"/>
      <c r="I10" s="16">
        <v>3501</v>
      </c>
      <c r="J10" s="22">
        <v>1983</v>
      </c>
      <c r="K10" s="22">
        <v>1518</v>
      </c>
    </row>
    <row r="11" spans="1:11" ht="20.100000000000001" customHeight="1">
      <c r="A11" s="20" t="s">
        <v>17</v>
      </c>
      <c r="B11" s="20"/>
      <c r="C11" s="16">
        <v>7980</v>
      </c>
      <c r="D11" s="17">
        <v>4125</v>
      </c>
      <c r="E11" s="17">
        <v>3855</v>
      </c>
      <c r="F11" s="17"/>
      <c r="G11" s="21" t="s">
        <v>18</v>
      </c>
      <c r="H11" s="20"/>
      <c r="I11" s="16">
        <v>14481</v>
      </c>
      <c r="J11" s="17">
        <v>8148</v>
      </c>
      <c r="K11" s="17">
        <v>6333</v>
      </c>
    </row>
    <row r="12" spans="1:11" ht="15" customHeight="1">
      <c r="A12" s="20" t="s">
        <v>19</v>
      </c>
      <c r="B12" s="20"/>
      <c r="C12" s="16">
        <v>1548</v>
      </c>
      <c r="D12" s="22">
        <v>802</v>
      </c>
      <c r="E12" s="22">
        <v>746</v>
      </c>
      <c r="F12" s="22"/>
      <c r="G12" s="21" t="s">
        <v>20</v>
      </c>
      <c r="H12" s="20"/>
      <c r="I12" s="16">
        <v>3322</v>
      </c>
      <c r="J12" s="22">
        <v>1838</v>
      </c>
      <c r="K12" s="22">
        <v>1484</v>
      </c>
    </row>
    <row r="13" spans="1:11" ht="15" customHeight="1">
      <c r="A13" s="20" t="s">
        <v>21</v>
      </c>
      <c r="B13" s="20"/>
      <c r="C13" s="16">
        <v>1538</v>
      </c>
      <c r="D13" s="22">
        <v>788</v>
      </c>
      <c r="E13" s="22">
        <v>750</v>
      </c>
      <c r="F13" s="22"/>
      <c r="G13" s="21" t="s">
        <v>22</v>
      </c>
      <c r="H13" s="20"/>
      <c r="I13" s="16">
        <v>2419</v>
      </c>
      <c r="J13" s="22">
        <v>1401</v>
      </c>
      <c r="K13" s="22">
        <v>1018</v>
      </c>
    </row>
    <row r="14" spans="1:11" ht="15" customHeight="1">
      <c r="A14" s="20" t="s">
        <v>23</v>
      </c>
      <c r="B14" s="20"/>
      <c r="C14" s="16">
        <v>1668</v>
      </c>
      <c r="D14" s="22">
        <v>839</v>
      </c>
      <c r="E14" s="22">
        <v>829</v>
      </c>
      <c r="F14" s="22"/>
      <c r="G14" s="21" t="s">
        <v>24</v>
      </c>
      <c r="H14" s="20"/>
      <c r="I14" s="16">
        <v>3104</v>
      </c>
      <c r="J14" s="22">
        <v>1763</v>
      </c>
      <c r="K14" s="22">
        <v>1341</v>
      </c>
    </row>
    <row r="15" spans="1:11" ht="15" customHeight="1">
      <c r="A15" s="20" t="s">
        <v>25</v>
      </c>
      <c r="B15" s="20"/>
      <c r="C15" s="16">
        <v>1547</v>
      </c>
      <c r="D15" s="22">
        <v>787</v>
      </c>
      <c r="E15" s="22">
        <v>760</v>
      </c>
      <c r="F15" s="22"/>
      <c r="G15" s="21" t="s">
        <v>26</v>
      </c>
      <c r="H15" s="20"/>
      <c r="I15" s="16">
        <v>2901</v>
      </c>
      <c r="J15" s="22">
        <v>1599</v>
      </c>
      <c r="K15" s="22">
        <v>1302</v>
      </c>
    </row>
    <row r="16" spans="1:11" ht="15" customHeight="1">
      <c r="A16" s="20" t="s">
        <v>27</v>
      </c>
      <c r="B16" s="20"/>
      <c r="C16" s="16">
        <v>1679</v>
      </c>
      <c r="D16" s="22">
        <v>909</v>
      </c>
      <c r="E16" s="22">
        <v>770</v>
      </c>
      <c r="F16" s="22"/>
      <c r="G16" s="21" t="s">
        <v>28</v>
      </c>
      <c r="H16" s="20"/>
      <c r="I16" s="16">
        <v>2735</v>
      </c>
      <c r="J16" s="22">
        <v>1547</v>
      </c>
      <c r="K16" s="22">
        <v>1188</v>
      </c>
    </row>
    <row r="17" spans="1:11" ht="20.100000000000001" customHeight="1">
      <c r="A17" s="24" t="s">
        <v>29</v>
      </c>
      <c r="B17" s="24"/>
      <c r="C17" s="16">
        <v>8210</v>
      </c>
      <c r="D17" s="17">
        <v>4190</v>
      </c>
      <c r="E17" s="17">
        <v>4020</v>
      </c>
      <c r="F17" s="17"/>
      <c r="G17" s="21" t="s">
        <v>30</v>
      </c>
      <c r="H17" s="20"/>
      <c r="I17" s="16">
        <v>11896</v>
      </c>
      <c r="J17" s="17">
        <v>6551</v>
      </c>
      <c r="K17" s="17">
        <v>5345</v>
      </c>
    </row>
    <row r="18" spans="1:11" ht="15" customHeight="1">
      <c r="A18" s="20" t="s">
        <v>31</v>
      </c>
      <c r="B18" s="20"/>
      <c r="C18" s="16">
        <v>1673</v>
      </c>
      <c r="D18" s="22">
        <v>873</v>
      </c>
      <c r="E18" s="22">
        <v>800</v>
      </c>
      <c r="F18" s="22"/>
      <c r="G18" s="21" t="s">
        <v>32</v>
      </c>
      <c r="H18" s="20"/>
      <c r="I18" s="16">
        <v>2566</v>
      </c>
      <c r="J18" s="22">
        <v>1471</v>
      </c>
      <c r="K18" s="22">
        <v>1095</v>
      </c>
    </row>
    <row r="19" spans="1:11" ht="15" customHeight="1">
      <c r="A19" s="20" t="s">
        <v>33</v>
      </c>
      <c r="B19" s="20"/>
      <c r="C19" s="16">
        <v>1598</v>
      </c>
      <c r="D19" s="22">
        <v>807</v>
      </c>
      <c r="E19" s="22">
        <v>791</v>
      </c>
      <c r="F19" s="22"/>
      <c r="G19" s="21" t="s">
        <v>34</v>
      </c>
      <c r="H19" s="20"/>
      <c r="I19" s="16">
        <v>2447</v>
      </c>
      <c r="J19" s="22">
        <v>1361</v>
      </c>
      <c r="K19" s="22">
        <v>1086</v>
      </c>
    </row>
    <row r="20" spans="1:11" ht="15" customHeight="1">
      <c r="A20" s="20" t="s">
        <v>35</v>
      </c>
      <c r="B20" s="20"/>
      <c r="C20" s="16">
        <v>1668</v>
      </c>
      <c r="D20" s="22">
        <v>830</v>
      </c>
      <c r="E20" s="22">
        <v>838</v>
      </c>
      <c r="F20" s="22"/>
      <c r="G20" s="21" t="s">
        <v>36</v>
      </c>
      <c r="H20" s="20"/>
      <c r="I20" s="16">
        <v>2365</v>
      </c>
      <c r="J20" s="22">
        <v>1297</v>
      </c>
      <c r="K20" s="22">
        <v>1068</v>
      </c>
    </row>
    <row r="21" spans="1:11" ht="15" customHeight="1">
      <c r="A21" s="20" t="s">
        <v>37</v>
      </c>
      <c r="B21" s="20"/>
      <c r="C21" s="16">
        <v>1587</v>
      </c>
      <c r="D21" s="22">
        <v>830</v>
      </c>
      <c r="E21" s="22">
        <v>757</v>
      </c>
      <c r="F21" s="22"/>
      <c r="G21" s="21" t="s">
        <v>38</v>
      </c>
      <c r="H21" s="20"/>
      <c r="I21" s="16">
        <v>2252</v>
      </c>
      <c r="J21" s="22">
        <v>1212</v>
      </c>
      <c r="K21" s="22">
        <v>1040</v>
      </c>
    </row>
    <row r="22" spans="1:11" ht="15" customHeight="1">
      <c r="A22" s="20" t="s">
        <v>39</v>
      </c>
      <c r="B22" s="20"/>
      <c r="C22" s="16">
        <v>1684</v>
      </c>
      <c r="D22" s="22">
        <v>850</v>
      </c>
      <c r="E22" s="22">
        <v>834</v>
      </c>
      <c r="F22" s="22"/>
      <c r="G22" s="21" t="s">
        <v>40</v>
      </c>
      <c r="H22" s="20"/>
      <c r="I22" s="16">
        <v>2266</v>
      </c>
      <c r="J22" s="22">
        <v>1210</v>
      </c>
      <c r="K22" s="22">
        <v>1056</v>
      </c>
    </row>
    <row r="23" spans="1:11" ht="20.100000000000001" customHeight="1">
      <c r="A23" s="20" t="s">
        <v>41</v>
      </c>
      <c r="B23" s="20"/>
      <c r="C23" s="16">
        <v>8526</v>
      </c>
      <c r="D23" s="17">
        <v>4399</v>
      </c>
      <c r="E23" s="17">
        <v>4127</v>
      </c>
      <c r="F23" s="17"/>
      <c r="G23" s="21" t="s">
        <v>42</v>
      </c>
      <c r="H23" s="20"/>
      <c r="I23" s="16">
        <v>10834</v>
      </c>
      <c r="J23" s="17">
        <v>5907</v>
      </c>
      <c r="K23" s="17">
        <v>4927</v>
      </c>
    </row>
    <row r="24" spans="1:11" ht="15" customHeight="1">
      <c r="A24" s="20" t="s">
        <v>43</v>
      </c>
      <c r="B24" s="20"/>
      <c r="C24" s="16">
        <v>1752</v>
      </c>
      <c r="D24" s="22">
        <v>877</v>
      </c>
      <c r="E24" s="22">
        <v>875</v>
      </c>
      <c r="F24" s="22"/>
      <c r="G24" s="21" t="s">
        <v>44</v>
      </c>
      <c r="H24" s="20"/>
      <c r="I24" s="16">
        <v>2175</v>
      </c>
      <c r="J24" s="22">
        <v>1222</v>
      </c>
      <c r="K24" s="22">
        <v>953</v>
      </c>
    </row>
    <row r="25" spans="1:11" ht="15" customHeight="1">
      <c r="A25" s="20" t="s">
        <v>45</v>
      </c>
      <c r="B25" s="20"/>
      <c r="C25" s="16">
        <v>1686</v>
      </c>
      <c r="D25" s="22">
        <v>881</v>
      </c>
      <c r="E25" s="22">
        <v>805</v>
      </c>
      <c r="F25" s="22"/>
      <c r="G25" s="21" t="s">
        <v>46</v>
      </c>
      <c r="H25" s="20"/>
      <c r="I25" s="16">
        <v>2162</v>
      </c>
      <c r="J25" s="22">
        <v>1179</v>
      </c>
      <c r="K25" s="22">
        <v>983</v>
      </c>
    </row>
    <row r="26" spans="1:11" ht="15" customHeight="1">
      <c r="A26" s="20" t="s">
        <v>47</v>
      </c>
      <c r="B26" s="20"/>
      <c r="C26" s="16">
        <v>1583</v>
      </c>
      <c r="D26" s="22">
        <v>798</v>
      </c>
      <c r="E26" s="22">
        <v>785</v>
      </c>
      <c r="F26" s="22"/>
      <c r="G26" s="21" t="s">
        <v>48</v>
      </c>
      <c r="H26" s="20"/>
      <c r="I26" s="16">
        <v>2168</v>
      </c>
      <c r="J26" s="22">
        <v>1191</v>
      </c>
      <c r="K26" s="22">
        <v>977</v>
      </c>
    </row>
    <row r="27" spans="1:11" ht="15" customHeight="1">
      <c r="A27" s="20" t="s">
        <v>49</v>
      </c>
      <c r="B27" s="20"/>
      <c r="C27" s="16">
        <v>1717</v>
      </c>
      <c r="D27" s="22">
        <v>888</v>
      </c>
      <c r="E27" s="22">
        <v>829</v>
      </c>
      <c r="F27" s="22"/>
      <c r="G27" s="21" t="s">
        <v>50</v>
      </c>
      <c r="H27" s="20"/>
      <c r="I27" s="16">
        <v>2143</v>
      </c>
      <c r="J27" s="22">
        <v>1163</v>
      </c>
      <c r="K27" s="22">
        <v>980</v>
      </c>
    </row>
    <row r="28" spans="1:11" ht="15" customHeight="1">
      <c r="A28" s="20" t="s">
        <v>51</v>
      </c>
      <c r="B28" s="20"/>
      <c r="C28" s="16">
        <v>1788</v>
      </c>
      <c r="D28" s="22">
        <v>955</v>
      </c>
      <c r="E28" s="22">
        <v>833</v>
      </c>
      <c r="F28" s="22"/>
      <c r="G28" s="21" t="s">
        <v>52</v>
      </c>
      <c r="H28" s="20"/>
      <c r="I28" s="16">
        <v>2186</v>
      </c>
      <c r="J28" s="22">
        <v>1152</v>
      </c>
      <c r="K28" s="22">
        <v>1034</v>
      </c>
    </row>
    <row r="29" spans="1:11" ht="20.100000000000001" customHeight="1">
      <c r="A29" s="20" t="s">
        <v>53</v>
      </c>
      <c r="B29" s="20"/>
      <c r="C29" s="16">
        <v>12449</v>
      </c>
      <c r="D29" s="17">
        <v>6797</v>
      </c>
      <c r="E29" s="17">
        <v>5652</v>
      </c>
      <c r="F29" s="17"/>
      <c r="G29" s="21" t="s">
        <v>54</v>
      </c>
      <c r="H29" s="20"/>
      <c r="I29" s="16">
        <v>12917</v>
      </c>
      <c r="J29" s="17">
        <v>6767</v>
      </c>
      <c r="K29" s="17">
        <v>6150</v>
      </c>
    </row>
    <row r="30" spans="1:11" ht="15" customHeight="1">
      <c r="A30" s="20" t="s">
        <v>55</v>
      </c>
      <c r="B30" s="20"/>
      <c r="C30" s="16">
        <v>1970</v>
      </c>
      <c r="D30" s="22">
        <v>1038</v>
      </c>
      <c r="E30" s="22">
        <v>932</v>
      </c>
      <c r="F30" s="22"/>
      <c r="G30" s="21" t="s">
        <v>56</v>
      </c>
      <c r="H30" s="20"/>
      <c r="I30" s="16">
        <v>2469</v>
      </c>
      <c r="J30" s="22">
        <v>1305</v>
      </c>
      <c r="K30" s="22">
        <v>1164</v>
      </c>
    </row>
    <row r="31" spans="1:11" ht="15" customHeight="1">
      <c r="A31" s="20" t="s">
        <v>57</v>
      </c>
      <c r="B31" s="20"/>
      <c r="C31" s="16">
        <v>2244</v>
      </c>
      <c r="D31" s="22">
        <v>1223</v>
      </c>
      <c r="E31" s="22">
        <v>1021</v>
      </c>
      <c r="F31" s="22"/>
      <c r="G31" s="21" t="s">
        <v>58</v>
      </c>
      <c r="H31" s="20"/>
      <c r="I31" s="16">
        <v>2475</v>
      </c>
      <c r="J31" s="22">
        <v>1338</v>
      </c>
      <c r="K31" s="22">
        <v>1137</v>
      </c>
    </row>
    <row r="32" spans="1:11" ht="15" customHeight="1">
      <c r="A32" s="20" t="s">
        <v>59</v>
      </c>
      <c r="B32" s="20"/>
      <c r="C32" s="16">
        <v>2448</v>
      </c>
      <c r="D32" s="22">
        <v>1309</v>
      </c>
      <c r="E32" s="22">
        <v>1139</v>
      </c>
      <c r="F32" s="22"/>
      <c r="G32" s="21" t="s">
        <v>60</v>
      </c>
      <c r="H32" s="20"/>
      <c r="I32" s="16">
        <v>2545</v>
      </c>
      <c r="J32" s="22">
        <v>1383</v>
      </c>
      <c r="K32" s="22">
        <v>1162</v>
      </c>
    </row>
    <row r="33" spans="1:11" ht="15" customHeight="1">
      <c r="A33" s="20" t="s">
        <v>61</v>
      </c>
      <c r="B33" s="20"/>
      <c r="C33" s="16">
        <v>2693</v>
      </c>
      <c r="D33" s="22">
        <v>1513</v>
      </c>
      <c r="E33" s="22">
        <v>1180</v>
      </c>
      <c r="F33" s="22"/>
      <c r="G33" s="21" t="s">
        <v>62</v>
      </c>
      <c r="H33" s="20"/>
      <c r="I33" s="16">
        <v>2850</v>
      </c>
      <c r="J33" s="22">
        <v>1462</v>
      </c>
      <c r="K33" s="22">
        <v>1388</v>
      </c>
    </row>
    <row r="34" spans="1:11" ht="15" customHeight="1">
      <c r="A34" s="20" t="s">
        <v>63</v>
      </c>
      <c r="B34" s="20"/>
      <c r="C34" s="16">
        <v>3094</v>
      </c>
      <c r="D34" s="22">
        <v>1714</v>
      </c>
      <c r="E34" s="22">
        <v>1380</v>
      </c>
      <c r="F34" s="22"/>
      <c r="G34" s="21" t="s">
        <v>64</v>
      </c>
      <c r="H34" s="20"/>
      <c r="I34" s="16">
        <v>2578</v>
      </c>
      <c r="J34" s="22">
        <v>1279</v>
      </c>
      <c r="K34" s="22">
        <v>1299</v>
      </c>
    </row>
    <row r="35" spans="1:11" ht="20.100000000000001" customHeight="1">
      <c r="A35" s="20" t="s">
        <v>65</v>
      </c>
      <c r="B35" s="20"/>
      <c r="C35" s="16">
        <v>16562</v>
      </c>
      <c r="D35" s="17">
        <v>9575</v>
      </c>
      <c r="E35" s="17">
        <v>6987</v>
      </c>
      <c r="F35" s="17"/>
      <c r="G35" s="21" t="s">
        <v>66</v>
      </c>
      <c r="H35" s="20"/>
      <c r="I35" s="16">
        <v>9720</v>
      </c>
      <c r="J35" s="17">
        <v>4746</v>
      </c>
      <c r="K35" s="17">
        <v>4974</v>
      </c>
    </row>
    <row r="36" spans="1:11" ht="15" customHeight="1">
      <c r="A36" s="20" t="s">
        <v>67</v>
      </c>
      <c r="B36" s="20"/>
      <c r="C36" s="16">
        <v>3330</v>
      </c>
      <c r="D36" s="22">
        <v>1878</v>
      </c>
      <c r="E36" s="22">
        <v>1452</v>
      </c>
      <c r="F36" s="22"/>
      <c r="G36" s="21" t="s">
        <v>68</v>
      </c>
      <c r="H36" s="20"/>
      <c r="I36" s="16">
        <v>2614</v>
      </c>
      <c r="J36" s="22">
        <v>1294</v>
      </c>
      <c r="K36" s="22">
        <v>1320</v>
      </c>
    </row>
    <row r="37" spans="1:11" ht="15" customHeight="1">
      <c r="A37" s="20" t="s">
        <v>69</v>
      </c>
      <c r="B37" s="20"/>
      <c r="C37" s="16">
        <v>3424</v>
      </c>
      <c r="D37" s="22">
        <v>1978</v>
      </c>
      <c r="E37" s="22">
        <v>1446</v>
      </c>
      <c r="F37" s="22"/>
      <c r="G37" s="21" t="s">
        <v>70</v>
      </c>
      <c r="H37" s="20"/>
      <c r="I37" s="16">
        <v>1750</v>
      </c>
      <c r="J37" s="22">
        <v>856</v>
      </c>
      <c r="K37" s="22">
        <v>894</v>
      </c>
    </row>
    <row r="38" spans="1:11" ht="15" customHeight="1">
      <c r="A38" s="20" t="s">
        <v>71</v>
      </c>
      <c r="B38" s="20"/>
      <c r="C38" s="16">
        <v>3312</v>
      </c>
      <c r="D38" s="22">
        <v>1956</v>
      </c>
      <c r="E38" s="22">
        <v>1356</v>
      </c>
      <c r="F38" s="22"/>
      <c r="G38" s="21" t="s">
        <v>72</v>
      </c>
      <c r="H38" s="20"/>
      <c r="I38" s="16">
        <v>1528</v>
      </c>
      <c r="J38" s="22">
        <v>770</v>
      </c>
      <c r="K38" s="22">
        <v>758</v>
      </c>
    </row>
    <row r="39" spans="1:11" ht="15" customHeight="1">
      <c r="A39" s="20" t="s">
        <v>73</v>
      </c>
      <c r="B39" s="20"/>
      <c r="C39" s="16">
        <v>3345</v>
      </c>
      <c r="D39" s="22">
        <v>1931</v>
      </c>
      <c r="E39" s="22">
        <v>1414</v>
      </c>
      <c r="F39" s="22"/>
      <c r="G39" s="21" t="s">
        <v>74</v>
      </c>
      <c r="H39" s="20"/>
      <c r="I39" s="16">
        <v>1863</v>
      </c>
      <c r="J39" s="22">
        <v>890</v>
      </c>
      <c r="K39" s="22">
        <v>973</v>
      </c>
    </row>
    <row r="40" spans="1:11" ht="15" customHeight="1">
      <c r="A40" s="20" t="s">
        <v>75</v>
      </c>
      <c r="B40" s="20"/>
      <c r="C40" s="16">
        <v>3151</v>
      </c>
      <c r="D40" s="22">
        <v>1832</v>
      </c>
      <c r="E40" s="22">
        <v>1319</v>
      </c>
      <c r="F40" s="22"/>
      <c r="G40" s="21" t="s">
        <v>76</v>
      </c>
      <c r="H40" s="20"/>
      <c r="I40" s="16">
        <v>1965</v>
      </c>
      <c r="J40" s="22">
        <v>936</v>
      </c>
      <c r="K40" s="22">
        <v>1029</v>
      </c>
    </row>
    <row r="41" spans="1:11" ht="20.100000000000001" customHeight="1">
      <c r="A41" s="20" t="s">
        <v>77</v>
      </c>
      <c r="B41" s="20"/>
      <c r="C41" s="16">
        <v>15046</v>
      </c>
      <c r="D41" s="17">
        <v>8542</v>
      </c>
      <c r="E41" s="17">
        <v>6504</v>
      </c>
      <c r="F41" s="17"/>
      <c r="G41" s="21" t="s">
        <v>78</v>
      </c>
      <c r="H41" s="20"/>
      <c r="I41" s="16">
        <v>7485</v>
      </c>
      <c r="J41" s="17">
        <v>3159</v>
      </c>
      <c r="K41" s="17">
        <v>4326</v>
      </c>
    </row>
    <row r="42" spans="1:11" ht="15" customHeight="1">
      <c r="A42" s="20" t="s">
        <v>79</v>
      </c>
      <c r="B42" s="20"/>
      <c r="C42" s="16">
        <v>3177</v>
      </c>
      <c r="D42" s="22">
        <v>1777</v>
      </c>
      <c r="E42" s="22">
        <v>1400</v>
      </c>
      <c r="F42" s="22"/>
      <c r="G42" s="21" t="s">
        <v>80</v>
      </c>
      <c r="H42" s="20"/>
      <c r="I42" s="16">
        <v>1809</v>
      </c>
      <c r="J42" s="22">
        <v>825</v>
      </c>
      <c r="K42" s="22">
        <v>984</v>
      </c>
    </row>
    <row r="43" spans="1:11" ht="15" customHeight="1">
      <c r="A43" s="20" t="s">
        <v>81</v>
      </c>
      <c r="B43" s="20"/>
      <c r="C43" s="16">
        <v>2937</v>
      </c>
      <c r="D43" s="22">
        <v>1676</v>
      </c>
      <c r="E43" s="22">
        <v>1261</v>
      </c>
      <c r="F43" s="22"/>
      <c r="G43" s="21" t="s">
        <v>82</v>
      </c>
      <c r="H43" s="20"/>
      <c r="I43" s="16">
        <v>1762</v>
      </c>
      <c r="J43" s="22">
        <v>766</v>
      </c>
      <c r="K43" s="22">
        <v>996</v>
      </c>
    </row>
    <row r="44" spans="1:11" ht="15" customHeight="1">
      <c r="A44" s="20" t="s">
        <v>83</v>
      </c>
      <c r="B44" s="20"/>
      <c r="C44" s="16">
        <v>2970</v>
      </c>
      <c r="D44" s="22">
        <v>1730</v>
      </c>
      <c r="E44" s="22">
        <v>1240</v>
      </c>
      <c r="F44" s="22"/>
      <c r="G44" s="21" t="s">
        <v>84</v>
      </c>
      <c r="H44" s="20"/>
      <c r="I44" s="16">
        <v>1505</v>
      </c>
      <c r="J44" s="22">
        <v>606</v>
      </c>
      <c r="K44" s="22">
        <v>899</v>
      </c>
    </row>
    <row r="45" spans="1:11" ht="15" customHeight="1">
      <c r="A45" s="20" t="s">
        <v>85</v>
      </c>
      <c r="B45" s="20"/>
      <c r="C45" s="16">
        <v>2942</v>
      </c>
      <c r="D45" s="22">
        <v>1629</v>
      </c>
      <c r="E45" s="22">
        <v>1313</v>
      </c>
      <c r="F45" s="22"/>
      <c r="G45" s="21" t="s">
        <v>86</v>
      </c>
      <c r="H45" s="20"/>
      <c r="I45" s="16">
        <v>1216</v>
      </c>
      <c r="J45" s="22">
        <v>514</v>
      </c>
      <c r="K45" s="22">
        <v>702</v>
      </c>
    </row>
    <row r="46" spans="1:11" ht="15" customHeight="1">
      <c r="A46" s="20" t="s">
        <v>87</v>
      </c>
      <c r="B46" s="20"/>
      <c r="C46" s="16">
        <v>3020</v>
      </c>
      <c r="D46" s="22">
        <v>1730</v>
      </c>
      <c r="E46" s="22">
        <v>1290</v>
      </c>
      <c r="F46" s="22"/>
      <c r="G46" s="21" t="s">
        <v>88</v>
      </c>
      <c r="H46" s="20"/>
      <c r="I46" s="16">
        <v>1193</v>
      </c>
      <c r="J46" s="22">
        <v>448</v>
      </c>
      <c r="K46" s="22">
        <v>745</v>
      </c>
    </row>
    <row r="47" spans="1:11" ht="20.100000000000001" customHeight="1">
      <c r="A47" s="20" t="s">
        <v>89</v>
      </c>
      <c r="B47" s="20"/>
      <c r="C47" s="16">
        <v>15275</v>
      </c>
      <c r="D47" s="17">
        <v>8682</v>
      </c>
      <c r="E47" s="17">
        <v>6593</v>
      </c>
      <c r="F47" s="17"/>
      <c r="G47" s="21" t="s">
        <v>90</v>
      </c>
      <c r="H47" s="20"/>
      <c r="I47" s="16">
        <v>5140</v>
      </c>
      <c r="J47" s="17">
        <v>1788</v>
      </c>
      <c r="K47" s="17">
        <v>3352</v>
      </c>
    </row>
    <row r="48" spans="1:11" ht="15" customHeight="1">
      <c r="A48" s="20" t="s">
        <v>91</v>
      </c>
      <c r="B48" s="20"/>
      <c r="C48" s="16">
        <v>2860</v>
      </c>
      <c r="D48" s="22">
        <v>1612</v>
      </c>
      <c r="E48" s="22">
        <v>1248</v>
      </c>
      <c r="F48" s="22"/>
      <c r="G48" s="21" t="s">
        <v>92</v>
      </c>
      <c r="H48" s="20"/>
      <c r="I48" s="16">
        <v>1301</v>
      </c>
      <c r="J48" s="22">
        <v>482</v>
      </c>
      <c r="K48" s="22">
        <v>819</v>
      </c>
    </row>
    <row r="49" spans="1:11" ht="15" customHeight="1">
      <c r="A49" s="20" t="s">
        <v>93</v>
      </c>
      <c r="B49" s="20"/>
      <c r="C49" s="16">
        <v>2990</v>
      </c>
      <c r="D49" s="22">
        <v>1699</v>
      </c>
      <c r="E49" s="22">
        <v>1291</v>
      </c>
      <c r="F49" s="22"/>
      <c r="G49" s="21" t="s">
        <v>94</v>
      </c>
      <c r="H49" s="20"/>
      <c r="I49" s="16">
        <v>1129</v>
      </c>
      <c r="J49" s="22">
        <v>403</v>
      </c>
      <c r="K49" s="22">
        <v>726</v>
      </c>
    </row>
    <row r="50" spans="1:11" ht="15" customHeight="1">
      <c r="A50" s="20" t="s">
        <v>95</v>
      </c>
      <c r="B50" s="20"/>
      <c r="C50" s="16">
        <v>3089</v>
      </c>
      <c r="D50" s="22">
        <v>1803</v>
      </c>
      <c r="E50" s="22">
        <v>1286</v>
      </c>
      <c r="F50" s="22"/>
      <c r="G50" s="21" t="s">
        <v>96</v>
      </c>
      <c r="H50" s="20"/>
      <c r="I50" s="16">
        <v>1071</v>
      </c>
      <c r="J50" s="22">
        <v>375</v>
      </c>
      <c r="K50" s="22">
        <v>696</v>
      </c>
    </row>
    <row r="51" spans="1:11" ht="15" customHeight="1">
      <c r="A51" s="20" t="s">
        <v>97</v>
      </c>
      <c r="B51" s="20"/>
      <c r="C51" s="16">
        <v>3139</v>
      </c>
      <c r="D51" s="22">
        <v>1779</v>
      </c>
      <c r="E51" s="22">
        <v>1360</v>
      </c>
      <c r="F51" s="22"/>
      <c r="G51" s="21" t="s">
        <v>98</v>
      </c>
      <c r="H51" s="20"/>
      <c r="I51" s="16">
        <v>857</v>
      </c>
      <c r="J51" s="22">
        <v>281</v>
      </c>
      <c r="K51" s="22">
        <v>576</v>
      </c>
    </row>
    <row r="52" spans="1:11" ht="15" customHeight="1">
      <c r="A52" s="20" t="s">
        <v>99</v>
      </c>
      <c r="B52" s="20"/>
      <c r="C52" s="16">
        <v>3197</v>
      </c>
      <c r="D52" s="22">
        <v>1789</v>
      </c>
      <c r="E52" s="22">
        <v>1408</v>
      </c>
      <c r="F52" s="22"/>
      <c r="G52" s="21" t="s">
        <v>100</v>
      </c>
      <c r="H52" s="20"/>
      <c r="I52" s="16">
        <v>782</v>
      </c>
      <c r="J52" s="22">
        <v>247</v>
      </c>
      <c r="K52" s="22">
        <v>535</v>
      </c>
    </row>
    <row r="53" spans="1:11" ht="20.100000000000001" customHeight="1">
      <c r="A53" s="20" t="s">
        <v>101</v>
      </c>
      <c r="B53" s="20"/>
      <c r="C53" s="16">
        <v>15846</v>
      </c>
      <c r="D53" s="17">
        <v>8838</v>
      </c>
      <c r="E53" s="17">
        <v>7008</v>
      </c>
      <c r="F53" s="17"/>
      <c r="G53" s="21" t="s">
        <v>102</v>
      </c>
      <c r="H53" s="20"/>
      <c r="I53" s="16">
        <v>2355</v>
      </c>
      <c r="J53" s="17">
        <v>620</v>
      </c>
      <c r="K53" s="17">
        <v>1735</v>
      </c>
    </row>
    <row r="54" spans="1:11" ht="15" customHeight="1">
      <c r="A54" s="20" t="s">
        <v>103</v>
      </c>
      <c r="B54" s="20"/>
      <c r="C54" s="16">
        <v>3167</v>
      </c>
      <c r="D54" s="22">
        <v>1783</v>
      </c>
      <c r="E54" s="22">
        <v>1384</v>
      </c>
      <c r="F54" s="22"/>
      <c r="G54" s="21" t="s">
        <v>104</v>
      </c>
      <c r="H54" s="20"/>
      <c r="I54" s="16">
        <v>714</v>
      </c>
      <c r="J54" s="22">
        <v>209</v>
      </c>
      <c r="K54" s="22">
        <v>505</v>
      </c>
    </row>
    <row r="55" spans="1:11" ht="15" customHeight="1">
      <c r="A55" s="20" t="s">
        <v>105</v>
      </c>
      <c r="B55" s="20"/>
      <c r="C55" s="16">
        <v>3034</v>
      </c>
      <c r="D55" s="22">
        <v>1668</v>
      </c>
      <c r="E55" s="22">
        <v>1366</v>
      </c>
      <c r="F55" s="22"/>
      <c r="G55" s="21" t="s">
        <v>106</v>
      </c>
      <c r="H55" s="20"/>
      <c r="I55" s="16">
        <v>571</v>
      </c>
      <c r="J55" s="22">
        <v>157</v>
      </c>
      <c r="K55" s="22">
        <v>414</v>
      </c>
    </row>
    <row r="56" spans="1:11" ht="15" customHeight="1">
      <c r="A56" s="20" t="s">
        <v>107</v>
      </c>
      <c r="B56" s="20"/>
      <c r="C56" s="16">
        <v>3095</v>
      </c>
      <c r="D56" s="22">
        <v>1716</v>
      </c>
      <c r="E56" s="22">
        <v>1379</v>
      </c>
      <c r="F56" s="22"/>
      <c r="G56" s="21" t="s">
        <v>108</v>
      </c>
      <c r="H56" s="20"/>
      <c r="I56" s="16">
        <v>402</v>
      </c>
      <c r="J56" s="22">
        <v>91</v>
      </c>
      <c r="K56" s="22">
        <v>311</v>
      </c>
    </row>
    <row r="57" spans="1:11" ht="15" customHeight="1">
      <c r="A57" s="20" t="s">
        <v>109</v>
      </c>
      <c r="B57" s="20"/>
      <c r="C57" s="16">
        <v>3208</v>
      </c>
      <c r="D57" s="22">
        <v>1808</v>
      </c>
      <c r="E57" s="22">
        <v>1400</v>
      </c>
      <c r="F57" s="22"/>
      <c r="G57" s="21" t="s">
        <v>110</v>
      </c>
      <c r="H57" s="20"/>
      <c r="I57" s="16">
        <v>361</v>
      </c>
      <c r="J57" s="22">
        <v>89</v>
      </c>
      <c r="K57" s="22">
        <v>272</v>
      </c>
    </row>
    <row r="58" spans="1:11" ht="15" customHeight="1">
      <c r="A58" s="20" t="s">
        <v>111</v>
      </c>
      <c r="B58" s="20"/>
      <c r="C58" s="16">
        <v>3342</v>
      </c>
      <c r="D58" s="22">
        <v>1863</v>
      </c>
      <c r="E58" s="22">
        <v>1479</v>
      </c>
      <c r="F58" s="22"/>
      <c r="G58" s="21" t="s">
        <v>112</v>
      </c>
      <c r="H58" s="20"/>
      <c r="I58" s="16">
        <v>307</v>
      </c>
      <c r="J58" s="22">
        <v>74</v>
      </c>
      <c r="K58" s="22">
        <v>233</v>
      </c>
    </row>
    <row r="59" spans="1:11" ht="20.100000000000001" customHeight="1">
      <c r="A59" s="20" t="s">
        <v>113</v>
      </c>
      <c r="B59" s="20"/>
      <c r="C59" s="16">
        <v>18232</v>
      </c>
      <c r="D59" s="17">
        <v>10246</v>
      </c>
      <c r="E59" s="17">
        <v>7986</v>
      </c>
      <c r="F59" s="17"/>
      <c r="G59" s="21" t="s">
        <v>114</v>
      </c>
      <c r="H59" s="20"/>
      <c r="I59" s="16">
        <v>569</v>
      </c>
      <c r="J59" s="17">
        <v>102</v>
      </c>
      <c r="K59" s="17">
        <v>467</v>
      </c>
    </row>
    <row r="60" spans="1:11" ht="15" customHeight="1">
      <c r="A60" s="20" t="s">
        <v>115</v>
      </c>
      <c r="B60" s="20"/>
      <c r="C60" s="16">
        <v>3368</v>
      </c>
      <c r="D60" s="22">
        <v>1841</v>
      </c>
      <c r="E60" s="22">
        <v>1527</v>
      </c>
      <c r="F60" s="22"/>
      <c r="G60" s="21" t="s">
        <v>116</v>
      </c>
      <c r="H60" s="20"/>
      <c r="I60" s="16">
        <v>217</v>
      </c>
      <c r="J60" s="22">
        <v>41</v>
      </c>
      <c r="K60" s="22">
        <v>176</v>
      </c>
    </row>
    <row r="61" spans="1:11" ht="15" customHeight="1">
      <c r="A61" s="20" t="s">
        <v>117</v>
      </c>
      <c r="B61" s="20"/>
      <c r="C61" s="16">
        <v>3395</v>
      </c>
      <c r="D61" s="22">
        <v>1895</v>
      </c>
      <c r="E61" s="22">
        <v>1500</v>
      </c>
      <c r="F61" s="22"/>
      <c r="G61" s="21" t="s">
        <v>118</v>
      </c>
      <c r="H61" s="20"/>
      <c r="I61" s="16">
        <v>153</v>
      </c>
      <c r="J61" s="22">
        <v>31</v>
      </c>
      <c r="K61" s="22">
        <v>122</v>
      </c>
    </row>
    <row r="62" spans="1:11" ht="15" customHeight="1">
      <c r="A62" s="20" t="s">
        <v>119</v>
      </c>
      <c r="B62" s="20"/>
      <c r="C62" s="16">
        <v>3509</v>
      </c>
      <c r="D62" s="22">
        <v>1965</v>
      </c>
      <c r="E62" s="22">
        <v>1544</v>
      </c>
      <c r="F62" s="22"/>
      <c r="G62" s="21" t="s">
        <v>120</v>
      </c>
      <c r="H62" s="20"/>
      <c r="I62" s="16">
        <v>85</v>
      </c>
      <c r="J62" s="22">
        <v>10</v>
      </c>
      <c r="K62" s="22">
        <v>75</v>
      </c>
    </row>
    <row r="63" spans="1:11" ht="15" customHeight="1">
      <c r="A63" s="20" t="s">
        <v>121</v>
      </c>
      <c r="B63" s="20"/>
      <c r="C63" s="16">
        <v>3890</v>
      </c>
      <c r="D63" s="22">
        <v>2221</v>
      </c>
      <c r="E63" s="22">
        <v>1669</v>
      </c>
      <c r="F63" s="22"/>
      <c r="G63" s="21" t="s">
        <v>122</v>
      </c>
      <c r="H63" s="20"/>
      <c r="I63" s="16">
        <v>75</v>
      </c>
      <c r="J63" s="22">
        <v>15</v>
      </c>
      <c r="K63" s="22">
        <v>60</v>
      </c>
    </row>
    <row r="64" spans="1:11" ht="15" customHeight="1">
      <c r="A64" s="20" t="s">
        <v>123</v>
      </c>
      <c r="B64" s="20"/>
      <c r="C64" s="16">
        <v>4070</v>
      </c>
      <c r="D64" s="22">
        <v>2324</v>
      </c>
      <c r="E64" s="22">
        <v>1746</v>
      </c>
      <c r="F64" s="22"/>
      <c r="G64" s="21" t="s">
        <v>124</v>
      </c>
      <c r="H64" s="20"/>
      <c r="I64" s="16">
        <v>39</v>
      </c>
      <c r="J64" s="22">
        <v>5</v>
      </c>
      <c r="K64" s="22">
        <v>3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79</v>
      </c>
      <c r="J65" s="22">
        <v>5</v>
      </c>
      <c r="K65" s="22">
        <v>74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0815</v>
      </c>
      <c r="J66" s="32">
        <v>6214</v>
      </c>
      <c r="K66" s="32">
        <v>4601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1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79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71590</v>
      </c>
      <c r="D4" s="17">
        <v>86690</v>
      </c>
      <c r="E4" s="17">
        <v>84900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7766</v>
      </c>
      <c r="D5" s="17">
        <v>3980</v>
      </c>
      <c r="E5" s="17">
        <v>3786</v>
      </c>
      <c r="F5" s="17"/>
      <c r="G5" s="21" t="s">
        <v>6</v>
      </c>
      <c r="H5" s="20"/>
      <c r="I5" s="16">
        <v>13582</v>
      </c>
      <c r="J5" s="17">
        <v>7198</v>
      </c>
      <c r="K5" s="17">
        <v>6384</v>
      </c>
    </row>
    <row r="6" spans="1:11" ht="15" customHeight="1">
      <c r="A6" s="20" t="s">
        <v>7</v>
      </c>
      <c r="B6" s="20"/>
      <c r="C6" s="16">
        <v>1510</v>
      </c>
      <c r="D6" s="22">
        <v>800</v>
      </c>
      <c r="E6" s="22">
        <v>710</v>
      </c>
      <c r="F6" s="22"/>
      <c r="G6" s="21" t="s">
        <v>8</v>
      </c>
      <c r="H6" s="20"/>
      <c r="I6" s="16">
        <v>2925</v>
      </c>
      <c r="J6" s="22">
        <v>1540</v>
      </c>
      <c r="K6" s="22">
        <v>1385</v>
      </c>
    </row>
    <row r="7" spans="1:11" ht="15" customHeight="1">
      <c r="A7" s="20" t="s">
        <v>9</v>
      </c>
      <c r="B7" s="20"/>
      <c r="C7" s="16">
        <v>1540</v>
      </c>
      <c r="D7" s="22">
        <v>753</v>
      </c>
      <c r="E7" s="22">
        <v>787</v>
      </c>
      <c r="F7" s="22"/>
      <c r="G7" s="21" t="s">
        <v>10</v>
      </c>
      <c r="H7" s="20"/>
      <c r="I7" s="16">
        <v>2849</v>
      </c>
      <c r="J7" s="22">
        <v>1510</v>
      </c>
      <c r="K7" s="22">
        <v>1339</v>
      </c>
    </row>
    <row r="8" spans="1:11" ht="15" customHeight="1">
      <c r="A8" s="20" t="s">
        <v>11</v>
      </c>
      <c r="B8" s="20"/>
      <c r="C8" s="16">
        <v>1523</v>
      </c>
      <c r="D8" s="22">
        <v>762</v>
      </c>
      <c r="E8" s="22">
        <v>761</v>
      </c>
      <c r="F8" s="22"/>
      <c r="G8" s="21" t="s">
        <v>12</v>
      </c>
      <c r="H8" s="20"/>
      <c r="I8" s="16">
        <v>2781</v>
      </c>
      <c r="J8" s="22">
        <v>1504</v>
      </c>
      <c r="K8" s="22">
        <v>1277</v>
      </c>
    </row>
    <row r="9" spans="1:11" ht="15" customHeight="1">
      <c r="A9" s="20" t="s">
        <v>13</v>
      </c>
      <c r="B9" s="20"/>
      <c r="C9" s="16">
        <v>1566</v>
      </c>
      <c r="D9" s="22">
        <v>812</v>
      </c>
      <c r="E9" s="22">
        <v>754</v>
      </c>
      <c r="F9" s="22"/>
      <c r="G9" s="21" t="s">
        <v>14</v>
      </c>
      <c r="H9" s="20"/>
      <c r="I9" s="16">
        <v>2603</v>
      </c>
      <c r="J9" s="22">
        <v>1369</v>
      </c>
      <c r="K9" s="22">
        <v>1234</v>
      </c>
    </row>
    <row r="10" spans="1:11" ht="15" customHeight="1">
      <c r="A10" s="20" t="s">
        <v>15</v>
      </c>
      <c r="B10" s="20"/>
      <c r="C10" s="16">
        <v>1627</v>
      </c>
      <c r="D10" s="22">
        <v>853</v>
      </c>
      <c r="E10" s="22">
        <v>774</v>
      </c>
      <c r="F10" s="22"/>
      <c r="G10" s="21" t="s">
        <v>16</v>
      </c>
      <c r="H10" s="20"/>
      <c r="I10" s="16">
        <v>2424</v>
      </c>
      <c r="J10" s="22">
        <v>1275</v>
      </c>
      <c r="K10" s="22">
        <v>1149</v>
      </c>
    </row>
    <row r="11" spans="1:11" ht="20.100000000000001" customHeight="1">
      <c r="A11" s="20" t="s">
        <v>17</v>
      </c>
      <c r="B11" s="20"/>
      <c r="C11" s="16">
        <v>7632</v>
      </c>
      <c r="D11" s="17">
        <v>3917</v>
      </c>
      <c r="E11" s="17">
        <v>3715</v>
      </c>
      <c r="F11" s="17"/>
      <c r="G11" s="21" t="s">
        <v>18</v>
      </c>
      <c r="H11" s="20"/>
      <c r="I11" s="16">
        <v>10427</v>
      </c>
      <c r="J11" s="17">
        <v>5652</v>
      </c>
      <c r="K11" s="17">
        <v>4775</v>
      </c>
    </row>
    <row r="12" spans="1:11" ht="15" customHeight="1">
      <c r="A12" s="20" t="s">
        <v>19</v>
      </c>
      <c r="B12" s="20"/>
      <c r="C12" s="16">
        <v>1584</v>
      </c>
      <c r="D12" s="22">
        <v>840</v>
      </c>
      <c r="E12" s="22">
        <v>744</v>
      </c>
      <c r="F12" s="22"/>
      <c r="G12" s="21" t="s">
        <v>20</v>
      </c>
      <c r="H12" s="20"/>
      <c r="I12" s="16">
        <v>2563</v>
      </c>
      <c r="J12" s="22">
        <v>1398</v>
      </c>
      <c r="K12" s="22">
        <v>1165</v>
      </c>
    </row>
    <row r="13" spans="1:11" ht="15" customHeight="1">
      <c r="A13" s="20" t="s">
        <v>21</v>
      </c>
      <c r="B13" s="20"/>
      <c r="C13" s="16">
        <v>1551</v>
      </c>
      <c r="D13" s="22">
        <v>781</v>
      </c>
      <c r="E13" s="22">
        <v>770</v>
      </c>
      <c r="F13" s="22"/>
      <c r="G13" s="21" t="s">
        <v>22</v>
      </c>
      <c r="H13" s="20"/>
      <c r="I13" s="16">
        <v>1760</v>
      </c>
      <c r="J13" s="22">
        <v>938</v>
      </c>
      <c r="K13" s="22">
        <v>822</v>
      </c>
    </row>
    <row r="14" spans="1:11" ht="15" customHeight="1">
      <c r="A14" s="20" t="s">
        <v>23</v>
      </c>
      <c r="B14" s="20"/>
      <c r="C14" s="16">
        <v>1532</v>
      </c>
      <c r="D14" s="22">
        <v>795</v>
      </c>
      <c r="E14" s="22">
        <v>737</v>
      </c>
      <c r="F14" s="22"/>
      <c r="G14" s="21" t="s">
        <v>24</v>
      </c>
      <c r="H14" s="20"/>
      <c r="I14" s="16">
        <v>2290</v>
      </c>
      <c r="J14" s="22">
        <v>1239</v>
      </c>
      <c r="K14" s="22">
        <v>1051</v>
      </c>
    </row>
    <row r="15" spans="1:11" ht="15" customHeight="1">
      <c r="A15" s="20" t="s">
        <v>25</v>
      </c>
      <c r="B15" s="20"/>
      <c r="C15" s="16">
        <v>1431</v>
      </c>
      <c r="D15" s="22">
        <v>744</v>
      </c>
      <c r="E15" s="22">
        <v>687</v>
      </c>
      <c r="F15" s="22"/>
      <c r="G15" s="21" t="s">
        <v>26</v>
      </c>
      <c r="H15" s="20"/>
      <c r="I15" s="16">
        <v>1916</v>
      </c>
      <c r="J15" s="22">
        <v>1069</v>
      </c>
      <c r="K15" s="22">
        <v>847</v>
      </c>
    </row>
    <row r="16" spans="1:11" ht="15" customHeight="1">
      <c r="A16" s="20" t="s">
        <v>27</v>
      </c>
      <c r="B16" s="20"/>
      <c r="C16" s="16">
        <v>1534</v>
      </c>
      <c r="D16" s="22">
        <v>757</v>
      </c>
      <c r="E16" s="22">
        <v>777</v>
      </c>
      <c r="F16" s="22"/>
      <c r="G16" s="21" t="s">
        <v>28</v>
      </c>
      <c r="H16" s="20"/>
      <c r="I16" s="16">
        <v>1898</v>
      </c>
      <c r="J16" s="22">
        <v>1008</v>
      </c>
      <c r="K16" s="22">
        <v>890</v>
      </c>
    </row>
    <row r="17" spans="1:11" ht="20.100000000000001" customHeight="1">
      <c r="A17" s="24" t="s">
        <v>29</v>
      </c>
      <c r="B17" s="24"/>
      <c r="C17" s="16">
        <v>7263</v>
      </c>
      <c r="D17" s="17">
        <v>3727</v>
      </c>
      <c r="E17" s="17">
        <v>3536</v>
      </c>
      <c r="F17" s="17"/>
      <c r="G17" s="21" t="s">
        <v>30</v>
      </c>
      <c r="H17" s="20"/>
      <c r="I17" s="16">
        <v>8247</v>
      </c>
      <c r="J17" s="17">
        <v>4311</v>
      </c>
      <c r="K17" s="17">
        <v>3936</v>
      </c>
    </row>
    <row r="18" spans="1:11" ht="15" customHeight="1">
      <c r="A18" s="20" t="s">
        <v>31</v>
      </c>
      <c r="B18" s="20"/>
      <c r="C18" s="16">
        <v>1470</v>
      </c>
      <c r="D18" s="22">
        <v>731</v>
      </c>
      <c r="E18" s="22">
        <v>739</v>
      </c>
      <c r="F18" s="22"/>
      <c r="G18" s="21" t="s">
        <v>32</v>
      </c>
      <c r="H18" s="20"/>
      <c r="I18" s="16">
        <v>1813</v>
      </c>
      <c r="J18" s="22">
        <v>945</v>
      </c>
      <c r="K18" s="22">
        <v>868</v>
      </c>
    </row>
    <row r="19" spans="1:11" ht="15" customHeight="1">
      <c r="A19" s="20" t="s">
        <v>33</v>
      </c>
      <c r="B19" s="20"/>
      <c r="C19" s="16">
        <v>1428</v>
      </c>
      <c r="D19" s="22">
        <v>759</v>
      </c>
      <c r="E19" s="22">
        <v>669</v>
      </c>
      <c r="F19" s="22"/>
      <c r="G19" s="21" t="s">
        <v>34</v>
      </c>
      <c r="H19" s="20"/>
      <c r="I19" s="16">
        <v>1674</v>
      </c>
      <c r="J19" s="22">
        <v>868</v>
      </c>
      <c r="K19" s="22">
        <v>806</v>
      </c>
    </row>
    <row r="20" spans="1:11" ht="15" customHeight="1">
      <c r="A20" s="20" t="s">
        <v>35</v>
      </c>
      <c r="B20" s="20"/>
      <c r="C20" s="16">
        <v>1510</v>
      </c>
      <c r="D20" s="22">
        <v>785</v>
      </c>
      <c r="E20" s="22">
        <v>725</v>
      </c>
      <c r="F20" s="22"/>
      <c r="G20" s="21" t="s">
        <v>36</v>
      </c>
      <c r="H20" s="20"/>
      <c r="I20" s="16">
        <v>1631</v>
      </c>
      <c r="J20" s="22">
        <v>864</v>
      </c>
      <c r="K20" s="22">
        <v>767</v>
      </c>
    </row>
    <row r="21" spans="1:11" ht="15" customHeight="1">
      <c r="A21" s="20" t="s">
        <v>37</v>
      </c>
      <c r="B21" s="20"/>
      <c r="C21" s="16">
        <v>1420</v>
      </c>
      <c r="D21" s="22">
        <v>711</v>
      </c>
      <c r="E21" s="22">
        <v>709</v>
      </c>
      <c r="F21" s="22"/>
      <c r="G21" s="21" t="s">
        <v>38</v>
      </c>
      <c r="H21" s="20"/>
      <c r="I21" s="16">
        <v>1584</v>
      </c>
      <c r="J21" s="22">
        <v>844</v>
      </c>
      <c r="K21" s="22">
        <v>740</v>
      </c>
    </row>
    <row r="22" spans="1:11" ht="15" customHeight="1">
      <c r="A22" s="20" t="s">
        <v>39</v>
      </c>
      <c r="B22" s="20"/>
      <c r="C22" s="16">
        <v>1435</v>
      </c>
      <c r="D22" s="22">
        <v>741</v>
      </c>
      <c r="E22" s="22">
        <v>694</v>
      </c>
      <c r="F22" s="22"/>
      <c r="G22" s="21" t="s">
        <v>40</v>
      </c>
      <c r="H22" s="20"/>
      <c r="I22" s="16">
        <v>1545</v>
      </c>
      <c r="J22" s="22">
        <v>790</v>
      </c>
      <c r="K22" s="22">
        <v>755</v>
      </c>
    </row>
    <row r="23" spans="1:11" ht="20.100000000000001" customHeight="1">
      <c r="A23" s="20" t="s">
        <v>41</v>
      </c>
      <c r="B23" s="20"/>
      <c r="C23" s="16">
        <v>6547</v>
      </c>
      <c r="D23" s="17">
        <v>3350</v>
      </c>
      <c r="E23" s="17">
        <v>3197</v>
      </c>
      <c r="F23" s="17"/>
      <c r="G23" s="21" t="s">
        <v>42</v>
      </c>
      <c r="H23" s="20"/>
      <c r="I23" s="16">
        <v>7551</v>
      </c>
      <c r="J23" s="17">
        <v>3774</v>
      </c>
      <c r="K23" s="17">
        <v>3777</v>
      </c>
    </row>
    <row r="24" spans="1:11" ht="15" customHeight="1">
      <c r="A24" s="20" t="s">
        <v>43</v>
      </c>
      <c r="B24" s="20"/>
      <c r="C24" s="16">
        <v>1382</v>
      </c>
      <c r="D24" s="22">
        <v>690</v>
      </c>
      <c r="E24" s="22">
        <v>692</v>
      </c>
      <c r="F24" s="22"/>
      <c r="G24" s="21" t="s">
        <v>44</v>
      </c>
      <c r="H24" s="20"/>
      <c r="I24" s="16">
        <v>1458</v>
      </c>
      <c r="J24" s="22">
        <v>743</v>
      </c>
      <c r="K24" s="22">
        <v>715</v>
      </c>
    </row>
    <row r="25" spans="1:11" ht="15" customHeight="1">
      <c r="A25" s="20" t="s">
        <v>45</v>
      </c>
      <c r="B25" s="20"/>
      <c r="C25" s="16">
        <v>1347</v>
      </c>
      <c r="D25" s="22">
        <v>686</v>
      </c>
      <c r="E25" s="22">
        <v>661</v>
      </c>
      <c r="F25" s="22"/>
      <c r="G25" s="21" t="s">
        <v>46</v>
      </c>
      <c r="H25" s="20"/>
      <c r="I25" s="16">
        <v>1514</v>
      </c>
      <c r="J25" s="22">
        <v>787</v>
      </c>
      <c r="K25" s="22">
        <v>727</v>
      </c>
    </row>
    <row r="26" spans="1:11" ht="15" customHeight="1">
      <c r="A26" s="20" t="s">
        <v>47</v>
      </c>
      <c r="B26" s="20"/>
      <c r="C26" s="16">
        <v>1278</v>
      </c>
      <c r="D26" s="22">
        <v>650</v>
      </c>
      <c r="E26" s="22">
        <v>628</v>
      </c>
      <c r="F26" s="22"/>
      <c r="G26" s="21" t="s">
        <v>48</v>
      </c>
      <c r="H26" s="20"/>
      <c r="I26" s="16">
        <v>1487</v>
      </c>
      <c r="J26" s="22">
        <v>717</v>
      </c>
      <c r="K26" s="22">
        <v>770</v>
      </c>
    </row>
    <row r="27" spans="1:11" ht="15" customHeight="1">
      <c r="A27" s="20" t="s">
        <v>49</v>
      </c>
      <c r="B27" s="20"/>
      <c r="C27" s="16">
        <v>1287</v>
      </c>
      <c r="D27" s="22">
        <v>667</v>
      </c>
      <c r="E27" s="22">
        <v>620</v>
      </c>
      <c r="F27" s="22"/>
      <c r="G27" s="21" t="s">
        <v>50</v>
      </c>
      <c r="H27" s="20"/>
      <c r="I27" s="16">
        <v>1516</v>
      </c>
      <c r="J27" s="22">
        <v>750</v>
      </c>
      <c r="K27" s="22">
        <v>766</v>
      </c>
    </row>
    <row r="28" spans="1:11" ht="15" customHeight="1">
      <c r="A28" s="20" t="s">
        <v>51</v>
      </c>
      <c r="B28" s="20"/>
      <c r="C28" s="16">
        <v>1253</v>
      </c>
      <c r="D28" s="22">
        <v>657</v>
      </c>
      <c r="E28" s="22">
        <v>596</v>
      </c>
      <c r="F28" s="22"/>
      <c r="G28" s="21" t="s">
        <v>52</v>
      </c>
      <c r="H28" s="20"/>
      <c r="I28" s="16">
        <v>1576</v>
      </c>
      <c r="J28" s="22">
        <v>777</v>
      </c>
      <c r="K28" s="22">
        <v>799</v>
      </c>
    </row>
    <row r="29" spans="1:11" ht="20.100000000000001" customHeight="1">
      <c r="A29" s="20" t="s">
        <v>53</v>
      </c>
      <c r="B29" s="20"/>
      <c r="C29" s="16">
        <v>8003</v>
      </c>
      <c r="D29" s="17">
        <v>4092</v>
      </c>
      <c r="E29" s="17">
        <v>3911</v>
      </c>
      <c r="F29" s="17"/>
      <c r="G29" s="21" t="s">
        <v>54</v>
      </c>
      <c r="H29" s="20"/>
      <c r="I29" s="16">
        <v>9344</v>
      </c>
      <c r="J29" s="17">
        <v>4431</v>
      </c>
      <c r="K29" s="17">
        <v>4913</v>
      </c>
    </row>
    <row r="30" spans="1:11" ht="15" customHeight="1">
      <c r="A30" s="20" t="s">
        <v>55</v>
      </c>
      <c r="B30" s="20"/>
      <c r="C30" s="16">
        <v>1353</v>
      </c>
      <c r="D30" s="22">
        <v>682</v>
      </c>
      <c r="E30" s="22">
        <v>671</v>
      </c>
      <c r="F30" s="22"/>
      <c r="G30" s="21" t="s">
        <v>56</v>
      </c>
      <c r="H30" s="20"/>
      <c r="I30" s="16">
        <v>1649</v>
      </c>
      <c r="J30" s="22">
        <v>816</v>
      </c>
      <c r="K30" s="22">
        <v>833</v>
      </c>
    </row>
    <row r="31" spans="1:11" ht="15" customHeight="1">
      <c r="A31" s="20" t="s">
        <v>57</v>
      </c>
      <c r="B31" s="20"/>
      <c r="C31" s="16">
        <v>1474</v>
      </c>
      <c r="D31" s="22">
        <v>752</v>
      </c>
      <c r="E31" s="22">
        <v>722</v>
      </c>
      <c r="F31" s="22"/>
      <c r="G31" s="21" t="s">
        <v>58</v>
      </c>
      <c r="H31" s="20"/>
      <c r="I31" s="16">
        <v>1737</v>
      </c>
      <c r="J31" s="22">
        <v>833</v>
      </c>
      <c r="K31" s="22">
        <v>904</v>
      </c>
    </row>
    <row r="32" spans="1:11" ht="15" customHeight="1">
      <c r="A32" s="20" t="s">
        <v>59</v>
      </c>
      <c r="B32" s="20"/>
      <c r="C32" s="16">
        <v>1541</v>
      </c>
      <c r="D32" s="22">
        <v>746</v>
      </c>
      <c r="E32" s="22">
        <v>795</v>
      </c>
      <c r="F32" s="22"/>
      <c r="G32" s="21" t="s">
        <v>60</v>
      </c>
      <c r="H32" s="20"/>
      <c r="I32" s="16">
        <v>1840</v>
      </c>
      <c r="J32" s="22">
        <v>876</v>
      </c>
      <c r="K32" s="22">
        <v>964</v>
      </c>
    </row>
    <row r="33" spans="1:11" ht="15" customHeight="1">
      <c r="A33" s="20" t="s">
        <v>61</v>
      </c>
      <c r="B33" s="20"/>
      <c r="C33" s="16">
        <v>1695</v>
      </c>
      <c r="D33" s="22">
        <v>853</v>
      </c>
      <c r="E33" s="22">
        <v>842</v>
      </c>
      <c r="F33" s="22"/>
      <c r="G33" s="21" t="s">
        <v>62</v>
      </c>
      <c r="H33" s="20"/>
      <c r="I33" s="16">
        <v>2071</v>
      </c>
      <c r="J33" s="22">
        <v>956</v>
      </c>
      <c r="K33" s="22">
        <v>1115</v>
      </c>
    </row>
    <row r="34" spans="1:11" ht="15" customHeight="1">
      <c r="A34" s="20" t="s">
        <v>63</v>
      </c>
      <c r="B34" s="20"/>
      <c r="C34" s="16">
        <v>1940</v>
      </c>
      <c r="D34" s="22">
        <v>1059</v>
      </c>
      <c r="E34" s="22">
        <v>881</v>
      </c>
      <c r="F34" s="22"/>
      <c r="G34" s="21" t="s">
        <v>64</v>
      </c>
      <c r="H34" s="20"/>
      <c r="I34" s="16">
        <v>2047</v>
      </c>
      <c r="J34" s="22">
        <v>950</v>
      </c>
      <c r="K34" s="22">
        <v>1097</v>
      </c>
    </row>
    <row r="35" spans="1:11" ht="20.100000000000001" customHeight="1">
      <c r="A35" s="20" t="s">
        <v>65</v>
      </c>
      <c r="B35" s="20"/>
      <c r="C35" s="16">
        <v>11146</v>
      </c>
      <c r="D35" s="17">
        <v>5983</v>
      </c>
      <c r="E35" s="17">
        <v>5163</v>
      </c>
      <c r="F35" s="17"/>
      <c r="G35" s="21" t="s">
        <v>66</v>
      </c>
      <c r="H35" s="20"/>
      <c r="I35" s="16">
        <v>7364</v>
      </c>
      <c r="J35" s="17">
        <v>3364</v>
      </c>
      <c r="K35" s="17">
        <v>4000</v>
      </c>
    </row>
    <row r="36" spans="1:11" ht="15" customHeight="1">
      <c r="A36" s="20" t="s">
        <v>67</v>
      </c>
      <c r="B36" s="20"/>
      <c r="C36" s="16">
        <v>2079</v>
      </c>
      <c r="D36" s="22">
        <v>1146</v>
      </c>
      <c r="E36" s="22">
        <v>933</v>
      </c>
      <c r="F36" s="22"/>
      <c r="G36" s="21" t="s">
        <v>68</v>
      </c>
      <c r="H36" s="20"/>
      <c r="I36" s="16">
        <v>1964</v>
      </c>
      <c r="J36" s="22">
        <v>915</v>
      </c>
      <c r="K36" s="22">
        <v>1049</v>
      </c>
    </row>
    <row r="37" spans="1:11" ht="15" customHeight="1">
      <c r="A37" s="20" t="s">
        <v>69</v>
      </c>
      <c r="B37" s="20"/>
      <c r="C37" s="16">
        <v>2178</v>
      </c>
      <c r="D37" s="22">
        <v>1175</v>
      </c>
      <c r="E37" s="22">
        <v>1003</v>
      </c>
      <c r="F37" s="22"/>
      <c r="G37" s="21" t="s">
        <v>70</v>
      </c>
      <c r="H37" s="20"/>
      <c r="I37" s="16">
        <v>1309</v>
      </c>
      <c r="J37" s="22">
        <v>623</v>
      </c>
      <c r="K37" s="22">
        <v>686</v>
      </c>
    </row>
    <row r="38" spans="1:11" ht="15" customHeight="1">
      <c r="A38" s="20" t="s">
        <v>71</v>
      </c>
      <c r="B38" s="20"/>
      <c r="C38" s="16">
        <v>2257</v>
      </c>
      <c r="D38" s="22">
        <v>1223</v>
      </c>
      <c r="E38" s="22">
        <v>1034</v>
      </c>
      <c r="F38" s="22"/>
      <c r="G38" s="21" t="s">
        <v>72</v>
      </c>
      <c r="H38" s="20"/>
      <c r="I38" s="16">
        <v>1192</v>
      </c>
      <c r="J38" s="22">
        <v>565</v>
      </c>
      <c r="K38" s="22">
        <v>627</v>
      </c>
    </row>
    <row r="39" spans="1:11" ht="15" customHeight="1">
      <c r="A39" s="20" t="s">
        <v>73</v>
      </c>
      <c r="B39" s="20"/>
      <c r="C39" s="16">
        <v>2293</v>
      </c>
      <c r="D39" s="22">
        <v>1194</v>
      </c>
      <c r="E39" s="22">
        <v>1099</v>
      </c>
      <c r="F39" s="22"/>
      <c r="G39" s="21" t="s">
        <v>74</v>
      </c>
      <c r="H39" s="20"/>
      <c r="I39" s="16">
        <v>1439</v>
      </c>
      <c r="J39" s="22">
        <v>661</v>
      </c>
      <c r="K39" s="22">
        <v>778</v>
      </c>
    </row>
    <row r="40" spans="1:11" ht="15" customHeight="1">
      <c r="A40" s="20" t="s">
        <v>75</v>
      </c>
      <c r="B40" s="20"/>
      <c r="C40" s="16">
        <v>2339</v>
      </c>
      <c r="D40" s="22">
        <v>1245</v>
      </c>
      <c r="E40" s="22">
        <v>1094</v>
      </c>
      <c r="F40" s="22"/>
      <c r="G40" s="21" t="s">
        <v>76</v>
      </c>
      <c r="H40" s="20"/>
      <c r="I40" s="16">
        <v>1460</v>
      </c>
      <c r="J40" s="22">
        <v>600</v>
      </c>
      <c r="K40" s="22">
        <v>860</v>
      </c>
    </row>
    <row r="41" spans="1:11" ht="20.100000000000001" customHeight="1">
      <c r="A41" s="20" t="s">
        <v>77</v>
      </c>
      <c r="B41" s="20"/>
      <c r="C41" s="16">
        <v>11727</v>
      </c>
      <c r="D41" s="17">
        <v>6137</v>
      </c>
      <c r="E41" s="17">
        <v>5590</v>
      </c>
      <c r="F41" s="17"/>
      <c r="G41" s="21" t="s">
        <v>78</v>
      </c>
      <c r="H41" s="20"/>
      <c r="I41" s="16">
        <v>5862</v>
      </c>
      <c r="J41" s="17">
        <v>2456</v>
      </c>
      <c r="K41" s="17">
        <v>3406</v>
      </c>
    </row>
    <row r="42" spans="1:11" ht="15" customHeight="1">
      <c r="A42" s="20" t="s">
        <v>79</v>
      </c>
      <c r="B42" s="20"/>
      <c r="C42" s="16">
        <v>2317</v>
      </c>
      <c r="D42" s="22">
        <v>1205</v>
      </c>
      <c r="E42" s="22">
        <v>1112</v>
      </c>
      <c r="F42" s="22"/>
      <c r="G42" s="21" t="s">
        <v>80</v>
      </c>
      <c r="H42" s="20"/>
      <c r="I42" s="16">
        <v>1319</v>
      </c>
      <c r="J42" s="22">
        <v>579</v>
      </c>
      <c r="K42" s="22">
        <v>740</v>
      </c>
    </row>
    <row r="43" spans="1:11" ht="15" customHeight="1">
      <c r="A43" s="20" t="s">
        <v>81</v>
      </c>
      <c r="B43" s="20"/>
      <c r="C43" s="16">
        <v>2304</v>
      </c>
      <c r="D43" s="22">
        <v>1195</v>
      </c>
      <c r="E43" s="22">
        <v>1109</v>
      </c>
      <c r="F43" s="22"/>
      <c r="G43" s="21" t="s">
        <v>82</v>
      </c>
      <c r="H43" s="20"/>
      <c r="I43" s="16">
        <v>1384</v>
      </c>
      <c r="J43" s="22">
        <v>607</v>
      </c>
      <c r="K43" s="22">
        <v>777</v>
      </c>
    </row>
    <row r="44" spans="1:11" ht="15" customHeight="1">
      <c r="A44" s="20" t="s">
        <v>83</v>
      </c>
      <c r="B44" s="20"/>
      <c r="C44" s="16">
        <v>2364</v>
      </c>
      <c r="D44" s="22">
        <v>1242</v>
      </c>
      <c r="E44" s="22">
        <v>1122</v>
      </c>
      <c r="F44" s="22"/>
      <c r="G44" s="21" t="s">
        <v>84</v>
      </c>
      <c r="H44" s="20"/>
      <c r="I44" s="16">
        <v>1233</v>
      </c>
      <c r="J44" s="22">
        <v>527</v>
      </c>
      <c r="K44" s="22">
        <v>706</v>
      </c>
    </row>
    <row r="45" spans="1:11" ht="15" customHeight="1">
      <c r="A45" s="20" t="s">
        <v>85</v>
      </c>
      <c r="B45" s="20"/>
      <c r="C45" s="16">
        <v>2329</v>
      </c>
      <c r="D45" s="22">
        <v>1245</v>
      </c>
      <c r="E45" s="22">
        <v>1084</v>
      </c>
      <c r="F45" s="22"/>
      <c r="G45" s="21" t="s">
        <v>86</v>
      </c>
      <c r="H45" s="20"/>
      <c r="I45" s="16">
        <v>1020</v>
      </c>
      <c r="J45" s="22">
        <v>415</v>
      </c>
      <c r="K45" s="22">
        <v>605</v>
      </c>
    </row>
    <row r="46" spans="1:11" ht="15" customHeight="1">
      <c r="A46" s="20" t="s">
        <v>87</v>
      </c>
      <c r="B46" s="20"/>
      <c r="C46" s="16">
        <v>2413</v>
      </c>
      <c r="D46" s="22">
        <v>1250</v>
      </c>
      <c r="E46" s="22">
        <v>1163</v>
      </c>
      <c r="F46" s="22"/>
      <c r="G46" s="21" t="s">
        <v>88</v>
      </c>
      <c r="H46" s="20"/>
      <c r="I46" s="16">
        <v>906</v>
      </c>
      <c r="J46" s="22">
        <v>328</v>
      </c>
      <c r="K46" s="22">
        <v>578</v>
      </c>
    </row>
    <row r="47" spans="1:11" ht="20.100000000000001" customHeight="1">
      <c r="A47" s="20" t="s">
        <v>89</v>
      </c>
      <c r="B47" s="20"/>
      <c r="C47" s="16">
        <v>12901</v>
      </c>
      <c r="D47" s="17">
        <v>6927</v>
      </c>
      <c r="E47" s="17">
        <v>5974</v>
      </c>
      <c r="F47" s="17"/>
      <c r="G47" s="21" t="s">
        <v>90</v>
      </c>
      <c r="H47" s="20"/>
      <c r="I47" s="16">
        <v>3853</v>
      </c>
      <c r="J47" s="17">
        <v>1311</v>
      </c>
      <c r="K47" s="17">
        <v>2542</v>
      </c>
    </row>
    <row r="48" spans="1:11" ht="15" customHeight="1">
      <c r="A48" s="20" t="s">
        <v>91</v>
      </c>
      <c r="B48" s="20"/>
      <c r="C48" s="16">
        <v>2485</v>
      </c>
      <c r="D48" s="22">
        <v>1362</v>
      </c>
      <c r="E48" s="22">
        <v>1123</v>
      </c>
      <c r="F48" s="22"/>
      <c r="G48" s="21" t="s">
        <v>92</v>
      </c>
      <c r="H48" s="20"/>
      <c r="I48" s="16">
        <v>974</v>
      </c>
      <c r="J48" s="22">
        <v>372</v>
      </c>
      <c r="K48" s="22">
        <v>602</v>
      </c>
    </row>
    <row r="49" spans="1:11" ht="15" customHeight="1">
      <c r="A49" s="20" t="s">
        <v>93</v>
      </c>
      <c r="B49" s="20"/>
      <c r="C49" s="16">
        <v>2509</v>
      </c>
      <c r="D49" s="22">
        <v>1329</v>
      </c>
      <c r="E49" s="22">
        <v>1180</v>
      </c>
      <c r="F49" s="22"/>
      <c r="G49" s="21" t="s">
        <v>94</v>
      </c>
      <c r="H49" s="20"/>
      <c r="I49" s="16">
        <v>822</v>
      </c>
      <c r="J49" s="22">
        <v>314</v>
      </c>
      <c r="K49" s="22">
        <v>508</v>
      </c>
    </row>
    <row r="50" spans="1:11" ht="15" customHeight="1">
      <c r="A50" s="20" t="s">
        <v>95</v>
      </c>
      <c r="B50" s="20"/>
      <c r="C50" s="16">
        <v>2602</v>
      </c>
      <c r="D50" s="22">
        <v>1392</v>
      </c>
      <c r="E50" s="22">
        <v>1210</v>
      </c>
      <c r="F50" s="22"/>
      <c r="G50" s="21" t="s">
        <v>96</v>
      </c>
      <c r="H50" s="20"/>
      <c r="I50" s="16">
        <v>762</v>
      </c>
      <c r="J50" s="22">
        <v>248</v>
      </c>
      <c r="K50" s="22">
        <v>514</v>
      </c>
    </row>
    <row r="51" spans="1:11" ht="15" customHeight="1">
      <c r="A51" s="20" t="s">
        <v>97</v>
      </c>
      <c r="B51" s="20"/>
      <c r="C51" s="16">
        <v>2625</v>
      </c>
      <c r="D51" s="22">
        <v>1435</v>
      </c>
      <c r="E51" s="22">
        <v>1190</v>
      </c>
      <c r="F51" s="22"/>
      <c r="G51" s="21" t="s">
        <v>98</v>
      </c>
      <c r="H51" s="20"/>
      <c r="I51" s="16">
        <v>670</v>
      </c>
      <c r="J51" s="22">
        <v>182</v>
      </c>
      <c r="K51" s="22">
        <v>488</v>
      </c>
    </row>
    <row r="52" spans="1:11" ht="15" customHeight="1">
      <c r="A52" s="20" t="s">
        <v>99</v>
      </c>
      <c r="B52" s="20"/>
      <c r="C52" s="16">
        <v>2680</v>
      </c>
      <c r="D52" s="22">
        <v>1409</v>
      </c>
      <c r="E52" s="22">
        <v>1271</v>
      </c>
      <c r="F52" s="22"/>
      <c r="G52" s="21" t="s">
        <v>100</v>
      </c>
      <c r="H52" s="20"/>
      <c r="I52" s="16">
        <v>625</v>
      </c>
      <c r="J52" s="22">
        <v>195</v>
      </c>
      <c r="K52" s="22">
        <v>430</v>
      </c>
    </row>
    <row r="53" spans="1:11" ht="20.100000000000001" customHeight="1">
      <c r="A53" s="20" t="s">
        <v>101</v>
      </c>
      <c r="B53" s="20"/>
      <c r="C53" s="16">
        <v>13260</v>
      </c>
      <c r="D53" s="17">
        <v>7018</v>
      </c>
      <c r="E53" s="17">
        <v>6242</v>
      </c>
      <c r="F53" s="17"/>
      <c r="G53" s="21" t="s">
        <v>102</v>
      </c>
      <c r="H53" s="20"/>
      <c r="I53" s="16">
        <v>2085</v>
      </c>
      <c r="J53" s="17">
        <v>546</v>
      </c>
      <c r="K53" s="17">
        <v>1539</v>
      </c>
    </row>
    <row r="54" spans="1:11" ht="15" customHeight="1">
      <c r="A54" s="20" t="s">
        <v>103</v>
      </c>
      <c r="B54" s="20"/>
      <c r="C54" s="16">
        <v>2618</v>
      </c>
      <c r="D54" s="22">
        <v>1407</v>
      </c>
      <c r="E54" s="22">
        <v>1211</v>
      </c>
      <c r="F54" s="22"/>
      <c r="G54" s="21" t="s">
        <v>104</v>
      </c>
      <c r="H54" s="20"/>
      <c r="I54" s="16">
        <v>608</v>
      </c>
      <c r="J54" s="22">
        <v>172</v>
      </c>
      <c r="K54" s="22">
        <v>436</v>
      </c>
    </row>
    <row r="55" spans="1:11" ht="15" customHeight="1">
      <c r="A55" s="20" t="s">
        <v>105</v>
      </c>
      <c r="B55" s="20"/>
      <c r="C55" s="16">
        <v>2569</v>
      </c>
      <c r="D55" s="22">
        <v>1325</v>
      </c>
      <c r="E55" s="22">
        <v>1244</v>
      </c>
      <c r="F55" s="22"/>
      <c r="G55" s="21" t="s">
        <v>106</v>
      </c>
      <c r="H55" s="20"/>
      <c r="I55" s="16">
        <v>478</v>
      </c>
      <c r="J55" s="22">
        <v>122</v>
      </c>
      <c r="K55" s="22">
        <v>356</v>
      </c>
    </row>
    <row r="56" spans="1:11" ht="15" customHeight="1">
      <c r="A56" s="20" t="s">
        <v>107</v>
      </c>
      <c r="B56" s="20"/>
      <c r="C56" s="16">
        <v>2572</v>
      </c>
      <c r="D56" s="22">
        <v>1340</v>
      </c>
      <c r="E56" s="22">
        <v>1232</v>
      </c>
      <c r="F56" s="22"/>
      <c r="G56" s="21" t="s">
        <v>108</v>
      </c>
      <c r="H56" s="20"/>
      <c r="I56" s="16">
        <v>384</v>
      </c>
      <c r="J56" s="22">
        <v>110</v>
      </c>
      <c r="K56" s="22">
        <v>274</v>
      </c>
    </row>
    <row r="57" spans="1:11" ht="15" customHeight="1">
      <c r="A57" s="20" t="s">
        <v>109</v>
      </c>
      <c r="B57" s="20"/>
      <c r="C57" s="16">
        <v>2761</v>
      </c>
      <c r="D57" s="22">
        <v>1508</v>
      </c>
      <c r="E57" s="22">
        <v>1253</v>
      </c>
      <c r="F57" s="22"/>
      <c r="G57" s="21" t="s">
        <v>110</v>
      </c>
      <c r="H57" s="20"/>
      <c r="I57" s="16">
        <v>335</v>
      </c>
      <c r="J57" s="22">
        <v>82</v>
      </c>
      <c r="K57" s="22">
        <v>253</v>
      </c>
    </row>
    <row r="58" spans="1:11" ht="15" customHeight="1">
      <c r="A58" s="20" t="s">
        <v>111</v>
      </c>
      <c r="B58" s="20"/>
      <c r="C58" s="16">
        <v>2740</v>
      </c>
      <c r="D58" s="22">
        <v>1438</v>
      </c>
      <c r="E58" s="22">
        <v>1302</v>
      </c>
      <c r="F58" s="22"/>
      <c r="G58" s="21" t="s">
        <v>112</v>
      </c>
      <c r="H58" s="20"/>
      <c r="I58" s="16">
        <v>280</v>
      </c>
      <c r="J58" s="22">
        <v>60</v>
      </c>
      <c r="K58" s="22">
        <v>220</v>
      </c>
    </row>
    <row r="59" spans="1:11" ht="20.100000000000001" customHeight="1">
      <c r="A59" s="20" t="s">
        <v>113</v>
      </c>
      <c r="B59" s="20"/>
      <c r="C59" s="16">
        <v>14498</v>
      </c>
      <c r="D59" s="17">
        <v>7685</v>
      </c>
      <c r="E59" s="17">
        <v>6813</v>
      </c>
      <c r="F59" s="17"/>
      <c r="G59" s="21" t="s">
        <v>114</v>
      </c>
      <c r="H59" s="20"/>
      <c r="I59" s="16">
        <v>541</v>
      </c>
      <c r="J59" s="17">
        <v>128</v>
      </c>
      <c r="K59" s="17">
        <v>413</v>
      </c>
    </row>
    <row r="60" spans="1:11" ht="15" customHeight="1">
      <c r="A60" s="20" t="s">
        <v>115</v>
      </c>
      <c r="B60" s="20"/>
      <c r="C60" s="16">
        <v>2795</v>
      </c>
      <c r="D60" s="22">
        <v>1438</v>
      </c>
      <c r="E60" s="22">
        <v>1357</v>
      </c>
      <c r="F60" s="22"/>
      <c r="G60" s="21" t="s">
        <v>116</v>
      </c>
      <c r="H60" s="20"/>
      <c r="I60" s="16">
        <v>165</v>
      </c>
      <c r="J60" s="22">
        <v>40</v>
      </c>
      <c r="K60" s="22">
        <v>125</v>
      </c>
    </row>
    <row r="61" spans="1:11" ht="15" customHeight="1">
      <c r="A61" s="20" t="s">
        <v>117</v>
      </c>
      <c r="B61" s="20"/>
      <c r="C61" s="16">
        <v>2922</v>
      </c>
      <c r="D61" s="22">
        <v>1536</v>
      </c>
      <c r="E61" s="22">
        <v>1386</v>
      </c>
      <c r="F61" s="22"/>
      <c r="G61" s="21" t="s">
        <v>118</v>
      </c>
      <c r="H61" s="20"/>
      <c r="I61" s="16">
        <v>160</v>
      </c>
      <c r="J61" s="22">
        <v>43</v>
      </c>
      <c r="K61" s="22">
        <v>117</v>
      </c>
    </row>
    <row r="62" spans="1:11" ht="15" customHeight="1">
      <c r="A62" s="20" t="s">
        <v>119</v>
      </c>
      <c r="B62" s="20"/>
      <c r="C62" s="16">
        <v>2842</v>
      </c>
      <c r="D62" s="22">
        <v>1512</v>
      </c>
      <c r="E62" s="22">
        <v>1330</v>
      </c>
      <c r="F62" s="22"/>
      <c r="G62" s="21" t="s">
        <v>120</v>
      </c>
      <c r="H62" s="20"/>
      <c r="I62" s="16">
        <v>102</v>
      </c>
      <c r="J62" s="22">
        <v>21</v>
      </c>
      <c r="K62" s="22">
        <v>81</v>
      </c>
    </row>
    <row r="63" spans="1:11" ht="15" customHeight="1">
      <c r="A63" s="20" t="s">
        <v>121</v>
      </c>
      <c r="B63" s="20"/>
      <c r="C63" s="16">
        <v>2931</v>
      </c>
      <c r="D63" s="22">
        <v>1560</v>
      </c>
      <c r="E63" s="22">
        <v>1371</v>
      </c>
      <c r="F63" s="22"/>
      <c r="G63" s="21" t="s">
        <v>122</v>
      </c>
      <c r="H63" s="20"/>
      <c r="I63" s="16">
        <v>64</v>
      </c>
      <c r="J63" s="22">
        <v>14</v>
      </c>
      <c r="K63" s="22">
        <v>50</v>
      </c>
    </row>
    <row r="64" spans="1:11" ht="15" customHeight="1">
      <c r="A64" s="20" t="s">
        <v>123</v>
      </c>
      <c r="B64" s="20"/>
      <c r="C64" s="16">
        <v>3008</v>
      </c>
      <c r="D64" s="22">
        <v>1639</v>
      </c>
      <c r="E64" s="22">
        <v>1369</v>
      </c>
      <c r="F64" s="22"/>
      <c r="G64" s="21" t="s">
        <v>124</v>
      </c>
      <c r="H64" s="20"/>
      <c r="I64" s="16">
        <v>50</v>
      </c>
      <c r="J64" s="22">
        <v>10</v>
      </c>
      <c r="K64" s="22">
        <v>40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99</v>
      </c>
      <c r="J65" s="22">
        <v>18</v>
      </c>
      <c r="K65" s="22">
        <v>81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892</v>
      </c>
      <c r="J66" s="32">
        <v>685</v>
      </c>
      <c r="K66" s="32">
        <v>1207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2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80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65219</v>
      </c>
      <c r="D4" s="17">
        <v>134008</v>
      </c>
      <c r="E4" s="17">
        <v>131211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1283</v>
      </c>
      <c r="D5" s="17">
        <v>5762</v>
      </c>
      <c r="E5" s="17">
        <v>5521</v>
      </c>
      <c r="F5" s="17"/>
      <c r="G5" s="21" t="s">
        <v>6</v>
      </c>
      <c r="H5" s="20"/>
      <c r="I5" s="16">
        <v>21287</v>
      </c>
      <c r="J5" s="17">
        <v>10870</v>
      </c>
      <c r="K5" s="17">
        <v>10417</v>
      </c>
    </row>
    <row r="6" spans="1:11" ht="15" customHeight="1">
      <c r="A6" s="20" t="s">
        <v>7</v>
      </c>
      <c r="B6" s="20"/>
      <c r="C6" s="16">
        <v>2318</v>
      </c>
      <c r="D6" s="22">
        <v>1181</v>
      </c>
      <c r="E6" s="22">
        <v>1137</v>
      </c>
      <c r="F6" s="22"/>
      <c r="G6" s="21" t="s">
        <v>8</v>
      </c>
      <c r="H6" s="20"/>
      <c r="I6" s="16">
        <v>4493</v>
      </c>
      <c r="J6" s="22">
        <v>2226</v>
      </c>
      <c r="K6" s="22">
        <v>2267</v>
      </c>
    </row>
    <row r="7" spans="1:11" ht="15" customHeight="1">
      <c r="A7" s="20" t="s">
        <v>9</v>
      </c>
      <c r="B7" s="20"/>
      <c r="C7" s="16">
        <v>2283</v>
      </c>
      <c r="D7" s="22">
        <v>1152</v>
      </c>
      <c r="E7" s="22">
        <v>1131</v>
      </c>
      <c r="F7" s="22"/>
      <c r="G7" s="21" t="s">
        <v>10</v>
      </c>
      <c r="H7" s="20"/>
      <c r="I7" s="16">
        <v>4340</v>
      </c>
      <c r="J7" s="22">
        <v>2141</v>
      </c>
      <c r="K7" s="22">
        <v>2199</v>
      </c>
    </row>
    <row r="8" spans="1:11" ht="15" customHeight="1">
      <c r="A8" s="20" t="s">
        <v>11</v>
      </c>
      <c r="B8" s="20"/>
      <c r="C8" s="16">
        <v>2195</v>
      </c>
      <c r="D8" s="22">
        <v>1121</v>
      </c>
      <c r="E8" s="22">
        <v>1074</v>
      </c>
      <c r="F8" s="22"/>
      <c r="G8" s="21" t="s">
        <v>12</v>
      </c>
      <c r="H8" s="20"/>
      <c r="I8" s="16">
        <v>4211</v>
      </c>
      <c r="J8" s="22">
        <v>2169</v>
      </c>
      <c r="K8" s="22">
        <v>2042</v>
      </c>
    </row>
    <row r="9" spans="1:11" ht="15" customHeight="1">
      <c r="A9" s="20" t="s">
        <v>13</v>
      </c>
      <c r="B9" s="20"/>
      <c r="C9" s="16">
        <v>2265</v>
      </c>
      <c r="D9" s="22">
        <v>1177</v>
      </c>
      <c r="E9" s="22">
        <v>1088</v>
      </c>
      <c r="F9" s="22"/>
      <c r="G9" s="21" t="s">
        <v>14</v>
      </c>
      <c r="H9" s="20"/>
      <c r="I9" s="16">
        <v>4217</v>
      </c>
      <c r="J9" s="22">
        <v>2200</v>
      </c>
      <c r="K9" s="22">
        <v>2017</v>
      </c>
    </row>
    <row r="10" spans="1:11" ht="15" customHeight="1">
      <c r="A10" s="20" t="s">
        <v>15</v>
      </c>
      <c r="B10" s="20"/>
      <c r="C10" s="16">
        <v>2222</v>
      </c>
      <c r="D10" s="22">
        <v>1131</v>
      </c>
      <c r="E10" s="22">
        <v>1091</v>
      </c>
      <c r="F10" s="22"/>
      <c r="G10" s="21" t="s">
        <v>16</v>
      </c>
      <c r="H10" s="20"/>
      <c r="I10" s="16">
        <v>4026</v>
      </c>
      <c r="J10" s="22">
        <v>2134</v>
      </c>
      <c r="K10" s="22">
        <v>1892</v>
      </c>
    </row>
    <row r="11" spans="1:11" ht="20.100000000000001" customHeight="1">
      <c r="A11" s="20" t="s">
        <v>17</v>
      </c>
      <c r="B11" s="20"/>
      <c r="C11" s="16">
        <v>11382</v>
      </c>
      <c r="D11" s="17">
        <v>5829</v>
      </c>
      <c r="E11" s="17">
        <v>5553</v>
      </c>
      <c r="F11" s="17"/>
      <c r="G11" s="21" t="s">
        <v>18</v>
      </c>
      <c r="H11" s="20"/>
      <c r="I11" s="16">
        <v>17084</v>
      </c>
      <c r="J11" s="17">
        <v>9077</v>
      </c>
      <c r="K11" s="17">
        <v>8007</v>
      </c>
    </row>
    <row r="12" spans="1:11" ht="15" customHeight="1">
      <c r="A12" s="20" t="s">
        <v>19</v>
      </c>
      <c r="B12" s="20"/>
      <c r="C12" s="16">
        <v>2334</v>
      </c>
      <c r="D12" s="22">
        <v>1192</v>
      </c>
      <c r="E12" s="22">
        <v>1142</v>
      </c>
      <c r="F12" s="22"/>
      <c r="G12" s="21" t="s">
        <v>20</v>
      </c>
      <c r="H12" s="20"/>
      <c r="I12" s="16">
        <v>4178</v>
      </c>
      <c r="J12" s="22">
        <v>2270</v>
      </c>
      <c r="K12" s="22">
        <v>1908</v>
      </c>
    </row>
    <row r="13" spans="1:11" ht="15" customHeight="1">
      <c r="A13" s="20" t="s">
        <v>21</v>
      </c>
      <c r="B13" s="20"/>
      <c r="C13" s="16">
        <v>2335</v>
      </c>
      <c r="D13" s="22">
        <v>1200</v>
      </c>
      <c r="E13" s="22">
        <v>1135</v>
      </c>
      <c r="F13" s="22"/>
      <c r="G13" s="21" t="s">
        <v>22</v>
      </c>
      <c r="H13" s="20"/>
      <c r="I13" s="16">
        <v>2890</v>
      </c>
      <c r="J13" s="22">
        <v>1513</v>
      </c>
      <c r="K13" s="22">
        <v>1377</v>
      </c>
    </row>
    <row r="14" spans="1:11" ht="15" customHeight="1">
      <c r="A14" s="20" t="s">
        <v>23</v>
      </c>
      <c r="B14" s="20"/>
      <c r="C14" s="16">
        <v>2267</v>
      </c>
      <c r="D14" s="22">
        <v>1155</v>
      </c>
      <c r="E14" s="22">
        <v>1112</v>
      </c>
      <c r="F14" s="22"/>
      <c r="G14" s="21" t="s">
        <v>24</v>
      </c>
      <c r="H14" s="20"/>
      <c r="I14" s="16">
        <v>3667</v>
      </c>
      <c r="J14" s="22">
        <v>1925</v>
      </c>
      <c r="K14" s="22">
        <v>1742</v>
      </c>
    </row>
    <row r="15" spans="1:11" ht="15" customHeight="1">
      <c r="A15" s="20" t="s">
        <v>25</v>
      </c>
      <c r="B15" s="20"/>
      <c r="C15" s="16">
        <v>2277</v>
      </c>
      <c r="D15" s="22">
        <v>1160</v>
      </c>
      <c r="E15" s="22">
        <v>1117</v>
      </c>
      <c r="F15" s="22"/>
      <c r="G15" s="21" t="s">
        <v>26</v>
      </c>
      <c r="H15" s="20"/>
      <c r="I15" s="16">
        <v>3309</v>
      </c>
      <c r="J15" s="22">
        <v>1746</v>
      </c>
      <c r="K15" s="22">
        <v>1563</v>
      </c>
    </row>
    <row r="16" spans="1:11" ht="15" customHeight="1">
      <c r="A16" s="20" t="s">
        <v>27</v>
      </c>
      <c r="B16" s="20"/>
      <c r="C16" s="16">
        <v>2169</v>
      </c>
      <c r="D16" s="22">
        <v>1122</v>
      </c>
      <c r="E16" s="22">
        <v>1047</v>
      </c>
      <c r="F16" s="22"/>
      <c r="G16" s="21" t="s">
        <v>28</v>
      </c>
      <c r="H16" s="20"/>
      <c r="I16" s="16">
        <v>3040</v>
      </c>
      <c r="J16" s="22">
        <v>1623</v>
      </c>
      <c r="K16" s="22">
        <v>1417</v>
      </c>
    </row>
    <row r="17" spans="1:11" ht="20.100000000000001" customHeight="1">
      <c r="A17" s="24" t="s">
        <v>29</v>
      </c>
      <c r="B17" s="24"/>
      <c r="C17" s="16">
        <v>10416</v>
      </c>
      <c r="D17" s="17">
        <v>5324</v>
      </c>
      <c r="E17" s="17">
        <v>5092</v>
      </c>
      <c r="F17" s="17"/>
      <c r="G17" s="21" t="s">
        <v>30</v>
      </c>
      <c r="H17" s="20"/>
      <c r="I17" s="16">
        <v>12176</v>
      </c>
      <c r="J17" s="17">
        <v>6471</v>
      </c>
      <c r="K17" s="17">
        <v>5705</v>
      </c>
    </row>
    <row r="18" spans="1:11" ht="15" customHeight="1">
      <c r="A18" s="20" t="s">
        <v>31</v>
      </c>
      <c r="B18" s="20"/>
      <c r="C18" s="16">
        <v>2109</v>
      </c>
      <c r="D18" s="22">
        <v>1100</v>
      </c>
      <c r="E18" s="22">
        <v>1009</v>
      </c>
      <c r="F18" s="22"/>
      <c r="G18" s="21" t="s">
        <v>32</v>
      </c>
      <c r="H18" s="20"/>
      <c r="I18" s="16">
        <v>2795</v>
      </c>
      <c r="J18" s="22">
        <v>1485</v>
      </c>
      <c r="K18" s="22">
        <v>1310</v>
      </c>
    </row>
    <row r="19" spans="1:11" ht="15" customHeight="1">
      <c r="A19" s="20" t="s">
        <v>33</v>
      </c>
      <c r="B19" s="20"/>
      <c r="C19" s="16">
        <v>2128</v>
      </c>
      <c r="D19" s="22">
        <v>1076</v>
      </c>
      <c r="E19" s="22">
        <v>1052</v>
      </c>
      <c r="F19" s="22"/>
      <c r="G19" s="21" t="s">
        <v>34</v>
      </c>
      <c r="H19" s="20"/>
      <c r="I19" s="16">
        <v>2492</v>
      </c>
      <c r="J19" s="22">
        <v>1297</v>
      </c>
      <c r="K19" s="22">
        <v>1195</v>
      </c>
    </row>
    <row r="20" spans="1:11" ht="15" customHeight="1">
      <c r="A20" s="20" t="s">
        <v>35</v>
      </c>
      <c r="B20" s="20"/>
      <c r="C20" s="16">
        <v>2095</v>
      </c>
      <c r="D20" s="22">
        <v>1052</v>
      </c>
      <c r="E20" s="22">
        <v>1043</v>
      </c>
      <c r="F20" s="22"/>
      <c r="G20" s="21" t="s">
        <v>36</v>
      </c>
      <c r="H20" s="20"/>
      <c r="I20" s="16">
        <v>2466</v>
      </c>
      <c r="J20" s="22">
        <v>1301</v>
      </c>
      <c r="K20" s="22">
        <v>1165</v>
      </c>
    </row>
    <row r="21" spans="1:11" ht="15" customHeight="1">
      <c r="A21" s="20" t="s">
        <v>37</v>
      </c>
      <c r="B21" s="20"/>
      <c r="C21" s="16">
        <v>2076</v>
      </c>
      <c r="D21" s="22">
        <v>1059</v>
      </c>
      <c r="E21" s="22">
        <v>1017</v>
      </c>
      <c r="F21" s="22"/>
      <c r="G21" s="21" t="s">
        <v>38</v>
      </c>
      <c r="H21" s="20"/>
      <c r="I21" s="16">
        <v>2226</v>
      </c>
      <c r="J21" s="22">
        <v>1207</v>
      </c>
      <c r="K21" s="22">
        <v>1019</v>
      </c>
    </row>
    <row r="22" spans="1:11" ht="15" customHeight="1">
      <c r="A22" s="20" t="s">
        <v>39</v>
      </c>
      <c r="B22" s="20"/>
      <c r="C22" s="16">
        <v>2008</v>
      </c>
      <c r="D22" s="22">
        <v>1037</v>
      </c>
      <c r="E22" s="22">
        <v>971</v>
      </c>
      <c r="F22" s="22"/>
      <c r="G22" s="21" t="s">
        <v>40</v>
      </c>
      <c r="H22" s="20"/>
      <c r="I22" s="16">
        <v>2197</v>
      </c>
      <c r="J22" s="22">
        <v>1181</v>
      </c>
      <c r="K22" s="22">
        <v>1016</v>
      </c>
    </row>
    <row r="23" spans="1:11" ht="20.100000000000001" customHeight="1">
      <c r="A23" s="20" t="s">
        <v>41</v>
      </c>
      <c r="B23" s="20"/>
      <c r="C23" s="16">
        <v>9942</v>
      </c>
      <c r="D23" s="17">
        <v>5181</v>
      </c>
      <c r="E23" s="17">
        <v>4761</v>
      </c>
      <c r="F23" s="17"/>
      <c r="G23" s="21" t="s">
        <v>42</v>
      </c>
      <c r="H23" s="20"/>
      <c r="I23" s="16">
        <v>9348</v>
      </c>
      <c r="J23" s="17">
        <v>4798</v>
      </c>
      <c r="K23" s="17">
        <v>4550</v>
      </c>
    </row>
    <row r="24" spans="1:11" ht="15" customHeight="1">
      <c r="A24" s="20" t="s">
        <v>43</v>
      </c>
      <c r="B24" s="20"/>
      <c r="C24" s="16">
        <v>1964</v>
      </c>
      <c r="D24" s="22">
        <v>1032</v>
      </c>
      <c r="E24" s="22">
        <v>932</v>
      </c>
      <c r="F24" s="22"/>
      <c r="G24" s="21" t="s">
        <v>44</v>
      </c>
      <c r="H24" s="20"/>
      <c r="I24" s="16">
        <v>1946</v>
      </c>
      <c r="J24" s="22">
        <v>1004</v>
      </c>
      <c r="K24" s="22">
        <v>942</v>
      </c>
    </row>
    <row r="25" spans="1:11" ht="15" customHeight="1">
      <c r="A25" s="20" t="s">
        <v>45</v>
      </c>
      <c r="B25" s="20"/>
      <c r="C25" s="16">
        <v>1955</v>
      </c>
      <c r="D25" s="22">
        <v>1020</v>
      </c>
      <c r="E25" s="22">
        <v>935</v>
      </c>
      <c r="F25" s="22"/>
      <c r="G25" s="21" t="s">
        <v>46</v>
      </c>
      <c r="H25" s="20"/>
      <c r="I25" s="16">
        <v>1967</v>
      </c>
      <c r="J25" s="22">
        <v>1027</v>
      </c>
      <c r="K25" s="22">
        <v>940</v>
      </c>
    </row>
    <row r="26" spans="1:11" ht="15" customHeight="1">
      <c r="A26" s="20" t="s">
        <v>47</v>
      </c>
      <c r="B26" s="20"/>
      <c r="C26" s="16">
        <v>1847</v>
      </c>
      <c r="D26" s="22">
        <v>958</v>
      </c>
      <c r="E26" s="22">
        <v>889</v>
      </c>
      <c r="F26" s="22"/>
      <c r="G26" s="21" t="s">
        <v>48</v>
      </c>
      <c r="H26" s="20"/>
      <c r="I26" s="16">
        <v>1864</v>
      </c>
      <c r="J26" s="22">
        <v>969</v>
      </c>
      <c r="K26" s="22">
        <v>895</v>
      </c>
    </row>
    <row r="27" spans="1:11" ht="15" customHeight="1">
      <c r="A27" s="20" t="s">
        <v>49</v>
      </c>
      <c r="B27" s="20"/>
      <c r="C27" s="16">
        <v>2035</v>
      </c>
      <c r="D27" s="22">
        <v>1046</v>
      </c>
      <c r="E27" s="22">
        <v>989</v>
      </c>
      <c r="F27" s="22"/>
      <c r="G27" s="21" t="s">
        <v>50</v>
      </c>
      <c r="H27" s="20"/>
      <c r="I27" s="16">
        <v>1776</v>
      </c>
      <c r="J27" s="22">
        <v>910</v>
      </c>
      <c r="K27" s="22">
        <v>866</v>
      </c>
    </row>
    <row r="28" spans="1:11" ht="15" customHeight="1">
      <c r="A28" s="20" t="s">
        <v>51</v>
      </c>
      <c r="B28" s="20"/>
      <c r="C28" s="16">
        <v>2141</v>
      </c>
      <c r="D28" s="22">
        <v>1125</v>
      </c>
      <c r="E28" s="22">
        <v>1016</v>
      </c>
      <c r="F28" s="22"/>
      <c r="G28" s="21" t="s">
        <v>52</v>
      </c>
      <c r="H28" s="20"/>
      <c r="I28" s="16">
        <v>1795</v>
      </c>
      <c r="J28" s="22">
        <v>888</v>
      </c>
      <c r="K28" s="22">
        <v>907</v>
      </c>
    </row>
    <row r="29" spans="1:11" ht="20.100000000000001" customHeight="1">
      <c r="A29" s="20" t="s">
        <v>53</v>
      </c>
      <c r="B29" s="20"/>
      <c r="C29" s="16">
        <v>16068</v>
      </c>
      <c r="D29" s="17">
        <v>8016</v>
      </c>
      <c r="E29" s="17">
        <v>8052</v>
      </c>
      <c r="F29" s="17"/>
      <c r="G29" s="21" t="s">
        <v>54</v>
      </c>
      <c r="H29" s="20"/>
      <c r="I29" s="16">
        <v>10265</v>
      </c>
      <c r="J29" s="17">
        <v>5005</v>
      </c>
      <c r="K29" s="17">
        <v>5260</v>
      </c>
    </row>
    <row r="30" spans="1:11" ht="15" customHeight="1">
      <c r="A30" s="20" t="s">
        <v>55</v>
      </c>
      <c r="B30" s="20"/>
      <c r="C30" s="16">
        <v>2265</v>
      </c>
      <c r="D30" s="22">
        <v>1180</v>
      </c>
      <c r="E30" s="22">
        <v>1085</v>
      </c>
      <c r="F30" s="22"/>
      <c r="G30" s="21" t="s">
        <v>56</v>
      </c>
      <c r="H30" s="20"/>
      <c r="I30" s="16">
        <v>1877</v>
      </c>
      <c r="J30" s="22">
        <v>955</v>
      </c>
      <c r="K30" s="22">
        <v>922</v>
      </c>
    </row>
    <row r="31" spans="1:11" ht="15" customHeight="1">
      <c r="A31" s="20" t="s">
        <v>57</v>
      </c>
      <c r="B31" s="20"/>
      <c r="C31" s="16">
        <v>2561</v>
      </c>
      <c r="D31" s="22">
        <v>1317</v>
      </c>
      <c r="E31" s="22">
        <v>1244</v>
      </c>
      <c r="F31" s="22"/>
      <c r="G31" s="21" t="s">
        <v>58</v>
      </c>
      <c r="H31" s="20"/>
      <c r="I31" s="16">
        <v>1889</v>
      </c>
      <c r="J31" s="22">
        <v>889</v>
      </c>
      <c r="K31" s="22">
        <v>1000</v>
      </c>
    </row>
    <row r="32" spans="1:11" ht="15" customHeight="1">
      <c r="A32" s="20" t="s">
        <v>59</v>
      </c>
      <c r="B32" s="20"/>
      <c r="C32" s="16">
        <v>3126</v>
      </c>
      <c r="D32" s="22">
        <v>1571</v>
      </c>
      <c r="E32" s="22">
        <v>1555</v>
      </c>
      <c r="F32" s="22"/>
      <c r="G32" s="21" t="s">
        <v>60</v>
      </c>
      <c r="H32" s="20"/>
      <c r="I32" s="16">
        <v>2115</v>
      </c>
      <c r="J32" s="22">
        <v>1055</v>
      </c>
      <c r="K32" s="22">
        <v>1060</v>
      </c>
    </row>
    <row r="33" spans="1:11" ht="15" customHeight="1">
      <c r="A33" s="20" t="s">
        <v>61</v>
      </c>
      <c r="B33" s="20"/>
      <c r="C33" s="16">
        <v>3819</v>
      </c>
      <c r="D33" s="22">
        <v>1842</v>
      </c>
      <c r="E33" s="22">
        <v>1977</v>
      </c>
      <c r="F33" s="22"/>
      <c r="G33" s="21" t="s">
        <v>62</v>
      </c>
      <c r="H33" s="20"/>
      <c r="I33" s="16">
        <v>2199</v>
      </c>
      <c r="J33" s="22">
        <v>1039</v>
      </c>
      <c r="K33" s="22">
        <v>1160</v>
      </c>
    </row>
    <row r="34" spans="1:11" ht="15" customHeight="1">
      <c r="A34" s="20" t="s">
        <v>63</v>
      </c>
      <c r="B34" s="20"/>
      <c r="C34" s="16">
        <v>4297</v>
      </c>
      <c r="D34" s="22">
        <v>2106</v>
      </c>
      <c r="E34" s="22">
        <v>2191</v>
      </c>
      <c r="F34" s="22"/>
      <c r="G34" s="21" t="s">
        <v>64</v>
      </c>
      <c r="H34" s="20"/>
      <c r="I34" s="16">
        <v>2185</v>
      </c>
      <c r="J34" s="22">
        <v>1067</v>
      </c>
      <c r="K34" s="22">
        <v>1118</v>
      </c>
    </row>
    <row r="35" spans="1:11" ht="20.100000000000001" customHeight="1">
      <c r="A35" s="20" t="s">
        <v>65</v>
      </c>
      <c r="B35" s="20"/>
      <c r="C35" s="16">
        <v>23609</v>
      </c>
      <c r="D35" s="17">
        <v>12046</v>
      </c>
      <c r="E35" s="17">
        <v>11563</v>
      </c>
      <c r="F35" s="17"/>
      <c r="G35" s="21" t="s">
        <v>66</v>
      </c>
      <c r="H35" s="20"/>
      <c r="I35" s="16">
        <v>7614</v>
      </c>
      <c r="J35" s="17">
        <v>3480</v>
      </c>
      <c r="K35" s="17">
        <v>4134</v>
      </c>
    </row>
    <row r="36" spans="1:11" ht="15" customHeight="1">
      <c r="A36" s="20" t="s">
        <v>67</v>
      </c>
      <c r="B36" s="20"/>
      <c r="C36" s="16">
        <v>4736</v>
      </c>
      <c r="D36" s="22">
        <v>2443</v>
      </c>
      <c r="E36" s="22">
        <v>2293</v>
      </c>
      <c r="F36" s="22"/>
      <c r="G36" s="21" t="s">
        <v>68</v>
      </c>
      <c r="H36" s="20"/>
      <c r="I36" s="16">
        <v>1969</v>
      </c>
      <c r="J36" s="22">
        <v>938</v>
      </c>
      <c r="K36" s="22">
        <v>1031</v>
      </c>
    </row>
    <row r="37" spans="1:11" ht="15" customHeight="1">
      <c r="A37" s="20" t="s">
        <v>69</v>
      </c>
      <c r="B37" s="20"/>
      <c r="C37" s="16">
        <v>4826</v>
      </c>
      <c r="D37" s="22">
        <v>2492</v>
      </c>
      <c r="E37" s="22">
        <v>2334</v>
      </c>
      <c r="F37" s="22"/>
      <c r="G37" s="21" t="s">
        <v>70</v>
      </c>
      <c r="H37" s="20"/>
      <c r="I37" s="16">
        <v>1399</v>
      </c>
      <c r="J37" s="22">
        <v>630</v>
      </c>
      <c r="K37" s="22">
        <v>769</v>
      </c>
    </row>
    <row r="38" spans="1:11" ht="15" customHeight="1">
      <c r="A38" s="20" t="s">
        <v>71</v>
      </c>
      <c r="B38" s="20"/>
      <c r="C38" s="16">
        <v>4779</v>
      </c>
      <c r="D38" s="22">
        <v>2465</v>
      </c>
      <c r="E38" s="22">
        <v>2314</v>
      </c>
      <c r="F38" s="22"/>
      <c r="G38" s="21" t="s">
        <v>72</v>
      </c>
      <c r="H38" s="20"/>
      <c r="I38" s="16">
        <v>1249</v>
      </c>
      <c r="J38" s="22">
        <v>550</v>
      </c>
      <c r="K38" s="22">
        <v>699</v>
      </c>
    </row>
    <row r="39" spans="1:11" ht="15" customHeight="1">
      <c r="A39" s="20" t="s">
        <v>73</v>
      </c>
      <c r="B39" s="20"/>
      <c r="C39" s="16">
        <v>4708</v>
      </c>
      <c r="D39" s="22">
        <v>2317</v>
      </c>
      <c r="E39" s="22">
        <v>2391</v>
      </c>
      <c r="F39" s="22"/>
      <c r="G39" s="21" t="s">
        <v>74</v>
      </c>
      <c r="H39" s="20"/>
      <c r="I39" s="16">
        <v>1440</v>
      </c>
      <c r="J39" s="22">
        <v>650</v>
      </c>
      <c r="K39" s="22">
        <v>790</v>
      </c>
    </row>
    <row r="40" spans="1:11" ht="15" customHeight="1">
      <c r="A40" s="20" t="s">
        <v>75</v>
      </c>
      <c r="B40" s="20"/>
      <c r="C40" s="16">
        <v>4560</v>
      </c>
      <c r="D40" s="22">
        <v>2329</v>
      </c>
      <c r="E40" s="22">
        <v>2231</v>
      </c>
      <c r="F40" s="22"/>
      <c r="G40" s="21" t="s">
        <v>76</v>
      </c>
      <c r="H40" s="20"/>
      <c r="I40" s="16">
        <v>1557</v>
      </c>
      <c r="J40" s="22">
        <v>712</v>
      </c>
      <c r="K40" s="22">
        <v>845</v>
      </c>
    </row>
    <row r="41" spans="1:11" ht="20.100000000000001" customHeight="1">
      <c r="A41" s="20" t="s">
        <v>77</v>
      </c>
      <c r="B41" s="20"/>
      <c r="C41" s="16">
        <v>21015</v>
      </c>
      <c r="D41" s="17">
        <v>10633</v>
      </c>
      <c r="E41" s="17">
        <v>10382</v>
      </c>
      <c r="F41" s="17"/>
      <c r="G41" s="21" t="s">
        <v>78</v>
      </c>
      <c r="H41" s="20"/>
      <c r="I41" s="16">
        <v>5955</v>
      </c>
      <c r="J41" s="17">
        <v>2434</v>
      </c>
      <c r="K41" s="17">
        <v>3521</v>
      </c>
    </row>
    <row r="42" spans="1:11" ht="15" customHeight="1">
      <c r="A42" s="20" t="s">
        <v>79</v>
      </c>
      <c r="B42" s="20"/>
      <c r="C42" s="16">
        <v>4491</v>
      </c>
      <c r="D42" s="22">
        <v>2287</v>
      </c>
      <c r="E42" s="22">
        <v>2204</v>
      </c>
      <c r="F42" s="22"/>
      <c r="G42" s="21" t="s">
        <v>80</v>
      </c>
      <c r="H42" s="20"/>
      <c r="I42" s="16">
        <v>1390</v>
      </c>
      <c r="J42" s="22">
        <v>598</v>
      </c>
      <c r="K42" s="22">
        <v>792</v>
      </c>
    </row>
    <row r="43" spans="1:11" ht="15" customHeight="1">
      <c r="A43" s="20" t="s">
        <v>81</v>
      </c>
      <c r="B43" s="20"/>
      <c r="C43" s="16">
        <v>4285</v>
      </c>
      <c r="D43" s="22">
        <v>2219</v>
      </c>
      <c r="E43" s="22">
        <v>2066</v>
      </c>
      <c r="F43" s="22"/>
      <c r="G43" s="21" t="s">
        <v>82</v>
      </c>
      <c r="H43" s="20"/>
      <c r="I43" s="16">
        <v>1405</v>
      </c>
      <c r="J43" s="22">
        <v>608</v>
      </c>
      <c r="K43" s="22">
        <v>797</v>
      </c>
    </row>
    <row r="44" spans="1:11" ht="15" customHeight="1">
      <c r="A44" s="20" t="s">
        <v>83</v>
      </c>
      <c r="B44" s="20"/>
      <c r="C44" s="16">
        <v>3961</v>
      </c>
      <c r="D44" s="22">
        <v>1985</v>
      </c>
      <c r="E44" s="22">
        <v>1976</v>
      </c>
      <c r="F44" s="22"/>
      <c r="G44" s="21" t="s">
        <v>84</v>
      </c>
      <c r="H44" s="20"/>
      <c r="I44" s="16">
        <v>1154</v>
      </c>
      <c r="J44" s="22">
        <v>466</v>
      </c>
      <c r="K44" s="22">
        <v>688</v>
      </c>
    </row>
    <row r="45" spans="1:11" ht="15" customHeight="1">
      <c r="A45" s="20" t="s">
        <v>85</v>
      </c>
      <c r="B45" s="20"/>
      <c r="C45" s="16">
        <v>4103</v>
      </c>
      <c r="D45" s="22">
        <v>2035</v>
      </c>
      <c r="E45" s="22">
        <v>2068</v>
      </c>
      <c r="F45" s="22"/>
      <c r="G45" s="21" t="s">
        <v>86</v>
      </c>
      <c r="H45" s="20"/>
      <c r="I45" s="16">
        <v>1074</v>
      </c>
      <c r="J45" s="22">
        <v>412</v>
      </c>
      <c r="K45" s="22">
        <v>662</v>
      </c>
    </row>
    <row r="46" spans="1:11" ht="15" customHeight="1">
      <c r="A46" s="20" t="s">
        <v>87</v>
      </c>
      <c r="B46" s="20"/>
      <c r="C46" s="16">
        <v>4175</v>
      </c>
      <c r="D46" s="22">
        <v>2107</v>
      </c>
      <c r="E46" s="22">
        <v>2068</v>
      </c>
      <c r="F46" s="22"/>
      <c r="G46" s="21" t="s">
        <v>88</v>
      </c>
      <c r="H46" s="20"/>
      <c r="I46" s="16">
        <v>932</v>
      </c>
      <c r="J46" s="22">
        <v>350</v>
      </c>
      <c r="K46" s="22">
        <v>582</v>
      </c>
    </row>
    <row r="47" spans="1:11" ht="20.100000000000001" customHeight="1">
      <c r="A47" s="20" t="s">
        <v>89</v>
      </c>
      <c r="B47" s="20"/>
      <c r="C47" s="16">
        <v>21041</v>
      </c>
      <c r="D47" s="17">
        <v>10810</v>
      </c>
      <c r="E47" s="17">
        <v>10231</v>
      </c>
      <c r="F47" s="17"/>
      <c r="G47" s="21" t="s">
        <v>90</v>
      </c>
      <c r="H47" s="20"/>
      <c r="I47" s="16">
        <v>4156</v>
      </c>
      <c r="J47" s="17">
        <v>1427</v>
      </c>
      <c r="K47" s="17">
        <v>2729</v>
      </c>
    </row>
    <row r="48" spans="1:11" ht="15" customHeight="1">
      <c r="A48" s="20" t="s">
        <v>91</v>
      </c>
      <c r="B48" s="20"/>
      <c r="C48" s="16">
        <v>4107</v>
      </c>
      <c r="D48" s="22">
        <v>2017</v>
      </c>
      <c r="E48" s="22">
        <v>2090</v>
      </c>
      <c r="F48" s="22"/>
      <c r="G48" s="21" t="s">
        <v>92</v>
      </c>
      <c r="H48" s="20"/>
      <c r="I48" s="16">
        <v>1020</v>
      </c>
      <c r="J48" s="22">
        <v>352</v>
      </c>
      <c r="K48" s="22">
        <v>668</v>
      </c>
    </row>
    <row r="49" spans="1:11" ht="15" customHeight="1">
      <c r="A49" s="20" t="s">
        <v>93</v>
      </c>
      <c r="B49" s="20"/>
      <c r="C49" s="16">
        <v>4187</v>
      </c>
      <c r="D49" s="22">
        <v>2109</v>
      </c>
      <c r="E49" s="22">
        <v>2078</v>
      </c>
      <c r="F49" s="22"/>
      <c r="G49" s="21" t="s">
        <v>94</v>
      </c>
      <c r="H49" s="20"/>
      <c r="I49" s="16">
        <v>903</v>
      </c>
      <c r="J49" s="22">
        <v>348</v>
      </c>
      <c r="K49" s="22">
        <v>555</v>
      </c>
    </row>
    <row r="50" spans="1:11" ht="15" customHeight="1">
      <c r="A50" s="20" t="s">
        <v>95</v>
      </c>
      <c r="B50" s="20"/>
      <c r="C50" s="16">
        <v>4187</v>
      </c>
      <c r="D50" s="22">
        <v>2204</v>
      </c>
      <c r="E50" s="22">
        <v>1983</v>
      </c>
      <c r="F50" s="22"/>
      <c r="G50" s="21" t="s">
        <v>96</v>
      </c>
      <c r="H50" s="20"/>
      <c r="I50" s="16">
        <v>870</v>
      </c>
      <c r="J50" s="22">
        <v>296</v>
      </c>
      <c r="K50" s="22">
        <v>574</v>
      </c>
    </row>
    <row r="51" spans="1:11" ht="15" customHeight="1">
      <c r="A51" s="20" t="s">
        <v>97</v>
      </c>
      <c r="B51" s="20"/>
      <c r="C51" s="16">
        <v>4277</v>
      </c>
      <c r="D51" s="22">
        <v>2253</v>
      </c>
      <c r="E51" s="22">
        <v>2024</v>
      </c>
      <c r="F51" s="22"/>
      <c r="G51" s="21" t="s">
        <v>98</v>
      </c>
      <c r="H51" s="20"/>
      <c r="I51" s="16">
        <v>722</v>
      </c>
      <c r="J51" s="22">
        <v>231</v>
      </c>
      <c r="K51" s="22">
        <v>491</v>
      </c>
    </row>
    <row r="52" spans="1:11" ht="15" customHeight="1">
      <c r="A52" s="20" t="s">
        <v>99</v>
      </c>
      <c r="B52" s="20"/>
      <c r="C52" s="16">
        <v>4283</v>
      </c>
      <c r="D52" s="22">
        <v>2227</v>
      </c>
      <c r="E52" s="22">
        <v>2056</v>
      </c>
      <c r="F52" s="22"/>
      <c r="G52" s="21" t="s">
        <v>100</v>
      </c>
      <c r="H52" s="20"/>
      <c r="I52" s="16">
        <v>641</v>
      </c>
      <c r="J52" s="22">
        <v>200</v>
      </c>
      <c r="K52" s="22">
        <v>441</v>
      </c>
    </row>
    <row r="53" spans="1:11" ht="20.100000000000001" customHeight="1">
      <c r="A53" s="20" t="s">
        <v>101</v>
      </c>
      <c r="B53" s="20"/>
      <c r="C53" s="16">
        <v>20291</v>
      </c>
      <c r="D53" s="17">
        <v>10256</v>
      </c>
      <c r="E53" s="17">
        <v>10035</v>
      </c>
      <c r="F53" s="17"/>
      <c r="G53" s="21" t="s">
        <v>102</v>
      </c>
      <c r="H53" s="20"/>
      <c r="I53" s="16">
        <v>2154</v>
      </c>
      <c r="J53" s="17">
        <v>594</v>
      </c>
      <c r="K53" s="17">
        <v>1560</v>
      </c>
    </row>
    <row r="54" spans="1:11" ht="15" customHeight="1">
      <c r="A54" s="20" t="s">
        <v>103</v>
      </c>
      <c r="B54" s="20"/>
      <c r="C54" s="16">
        <v>4056</v>
      </c>
      <c r="D54" s="22">
        <v>2112</v>
      </c>
      <c r="E54" s="22">
        <v>1944</v>
      </c>
      <c r="F54" s="22"/>
      <c r="G54" s="21" t="s">
        <v>104</v>
      </c>
      <c r="H54" s="20"/>
      <c r="I54" s="16">
        <v>594</v>
      </c>
      <c r="J54" s="22">
        <v>178</v>
      </c>
      <c r="K54" s="22">
        <v>416</v>
      </c>
    </row>
    <row r="55" spans="1:11" ht="15" customHeight="1">
      <c r="A55" s="20" t="s">
        <v>105</v>
      </c>
      <c r="B55" s="20"/>
      <c r="C55" s="16">
        <v>3995</v>
      </c>
      <c r="D55" s="22">
        <v>2029</v>
      </c>
      <c r="E55" s="22">
        <v>1966</v>
      </c>
      <c r="F55" s="22"/>
      <c r="G55" s="21" t="s">
        <v>106</v>
      </c>
      <c r="H55" s="20"/>
      <c r="I55" s="16">
        <v>482</v>
      </c>
      <c r="J55" s="22">
        <v>141</v>
      </c>
      <c r="K55" s="22">
        <v>341</v>
      </c>
    </row>
    <row r="56" spans="1:11" ht="15" customHeight="1">
      <c r="A56" s="20" t="s">
        <v>107</v>
      </c>
      <c r="B56" s="20"/>
      <c r="C56" s="16">
        <v>4055</v>
      </c>
      <c r="D56" s="22">
        <v>2011</v>
      </c>
      <c r="E56" s="22">
        <v>2044</v>
      </c>
      <c r="F56" s="22"/>
      <c r="G56" s="21" t="s">
        <v>108</v>
      </c>
      <c r="H56" s="20"/>
      <c r="I56" s="16">
        <v>416</v>
      </c>
      <c r="J56" s="22">
        <v>125</v>
      </c>
      <c r="K56" s="22">
        <v>291</v>
      </c>
    </row>
    <row r="57" spans="1:11" ht="15" customHeight="1">
      <c r="A57" s="20" t="s">
        <v>109</v>
      </c>
      <c r="B57" s="20"/>
      <c r="C57" s="16">
        <v>4005</v>
      </c>
      <c r="D57" s="22">
        <v>2026</v>
      </c>
      <c r="E57" s="22">
        <v>1979</v>
      </c>
      <c r="F57" s="22"/>
      <c r="G57" s="21" t="s">
        <v>110</v>
      </c>
      <c r="H57" s="20"/>
      <c r="I57" s="16">
        <v>362</v>
      </c>
      <c r="J57" s="22">
        <v>84</v>
      </c>
      <c r="K57" s="22">
        <v>278</v>
      </c>
    </row>
    <row r="58" spans="1:11" ht="15" customHeight="1">
      <c r="A58" s="20" t="s">
        <v>111</v>
      </c>
      <c r="B58" s="20"/>
      <c r="C58" s="16">
        <v>4180</v>
      </c>
      <c r="D58" s="22">
        <v>2078</v>
      </c>
      <c r="E58" s="22">
        <v>2102</v>
      </c>
      <c r="F58" s="22"/>
      <c r="G58" s="21" t="s">
        <v>112</v>
      </c>
      <c r="H58" s="20"/>
      <c r="I58" s="16">
        <v>300</v>
      </c>
      <c r="J58" s="22">
        <v>66</v>
      </c>
      <c r="K58" s="22">
        <v>234</v>
      </c>
    </row>
    <row r="59" spans="1:11" ht="20.100000000000001" customHeight="1">
      <c r="A59" s="20" t="s">
        <v>113</v>
      </c>
      <c r="B59" s="20"/>
      <c r="C59" s="16">
        <v>22226</v>
      </c>
      <c r="D59" s="17">
        <v>11490</v>
      </c>
      <c r="E59" s="17">
        <v>10736</v>
      </c>
      <c r="F59" s="17"/>
      <c r="G59" s="21" t="s">
        <v>114</v>
      </c>
      <c r="H59" s="20"/>
      <c r="I59" s="16">
        <v>577</v>
      </c>
      <c r="J59" s="17">
        <v>128</v>
      </c>
      <c r="K59" s="17">
        <v>449</v>
      </c>
    </row>
    <row r="60" spans="1:11" ht="15" customHeight="1">
      <c r="A60" s="20" t="s">
        <v>115</v>
      </c>
      <c r="B60" s="20"/>
      <c r="C60" s="16">
        <v>4183</v>
      </c>
      <c r="D60" s="22">
        <v>2158</v>
      </c>
      <c r="E60" s="22">
        <v>2025</v>
      </c>
      <c r="F60" s="22"/>
      <c r="G60" s="21" t="s">
        <v>116</v>
      </c>
      <c r="H60" s="20"/>
      <c r="I60" s="16">
        <v>205</v>
      </c>
      <c r="J60" s="22">
        <v>37</v>
      </c>
      <c r="K60" s="22">
        <v>168</v>
      </c>
    </row>
    <row r="61" spans="1:11" ht="15" customHeight="1">
      <c r="A61" s="20" t="s">
        <v>117</v>
      </c>
      <c r="B61" s="20"/>
      <c r="C61" s="16">
        <v>4376</v>
      </c>
      <c r="D61" s="22">
        <v>2263</v>
      </c>
      <c r="E61" s="22">
        <v>2113</v>
      </c>
      <c r="F61" s="22"/>
      <c r="G61" s="21" t="s">
        <v>118</v>
      </c>
      <c r="H61" s="20"/>
      <c r="I61" s="16">
        <v>160</v>
      </c>
      <c r="J61" s="22">
        <v>51</v>
      </c>
      <c r="K61" s="22">
        <v>109</v>
      </c>
    </row>
    <row r="62" spans="1:11" ht="15" customHeight="1">
      <c r="A62" s="20" t="s">
        <v>119</v>
      </c>
      <c r="B62" s="20"/>
      <c r="C62" s="16">
        <v>4388</v>
      </c>
      <c r="D62" s="22">
        <v>2239</v>
      </c>
      <c r="E62" s="22">
        <v>2149</v>
      </c>
      <c r="F62" s="22"/>
      <c r="G62" s="21" t="s">
        <v>120</v>
      </c>
      <c r="H62" s="20"/>
      <c r="I62" s="16">
        <v>100</v>
      </c>
      <c r="J62" s="22">
        <v>24</v>
      </c>
      <c r="K62" s="22">
        <v>76</v>
      </c>
    </row>
    <row r="63" spans="1:11" ht="15" customHeight="1">
      <c r="A63" s="20" t="s">
        <v>121</v>
      </c>
      <c r="B63" s="20"/>
      <c r="C63" s="16">
        <v>4678</v>
      </c>
      <c r="D63" s="22">
        <v>2415</v>
      </c>
      <c r="E63" s="22">
        <v>2263</v>
      </c>
      <c r="F63" s="22"/>
      <c r="G63" s="21" t="s">
        <v>122</v>
      </c>
      <c r="H63" s="20"/>
      <c r="I63" s="16">
        <v>72</v>
      </c>
      <c r="J63" s="22">
        <v>12</v>
      </c>
      <c r="K63" s="22">
        <v>60</v>
      </c>
    </row>
    <row r="64" spans="1:11" ht="15" customHeight="1">
      <c r="A64" s="20" t="s">
        <v>123</v>
      </c>
      <c r="B64" s="20"/>
      <c r="C64" s="16">
        <v>4601</v>
      </c>
      <c r="D64" s="22">
        <v>2415</v>
      </c>
      <c r="E64" s="22">
        <v>2186</v>
      </c>
      <c r="F64" s="22"/>
      <c r="G64" s="21" t="s">
        <v>124</v>
      </c>
      <c r="H64" s="20"/>
      <c r="I64" s="16">
        <v>40</v>
      </c>
      <c r="J64" s="22">
        <v>4</v>
      </c>
      <c r="K64" s="22">
        <v>36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74</v>
      </c>
      <c r="J65" s="22">
        <v>11</v>
      </c>
      <c r="K65" s="22">
        <v>63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7256</v>
      </c>
      <c r="J66" s="32">
        <v>4366</v>
      </c>
      <c r="K66" s="32">
        <v>2890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3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81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33880</v>
      </c>
      <c r="D4" s="17">
        <v>115705</v>
      </c>
      <c r="E4" s="17">
        <v>118175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8823</v>
      </c>
      <c r="D5" s="17">
        <v>4417</v>
      </c>
      <c r="E5" s="17">
        <v>4406</v>
      </c>
      <c r="F5" s="17"/>
      <c r="G5" s="21" t="s">
        <v>6</v>
      </c>
      <c r="H5" s="20"/>
      <c r="I5" s="16">
        <v>19587</v>
      </c>
      <c r="J5" s="17">
        <v>10088</v>
      </c>
      <c r="K5" s="17">
        <v>9499</v>
      </c>
    </row>
    <row r="6" spans="1:11" ht="15" customHeight="1">
      <c r="A6" s="20" t="s">
        <v>7</v>
      </c>
      <c r="B6" s="20"/>
      <c r="C6" s="16">
        <v>1761</v>
      </c>
      <c r="D6" s="22">
        <v>874</v>
      </c>
      <c r="E6" s="22">
        <v>887</v>
      </c>
      <c r="F6" s="22"/>
      <c r="G6" s="21" t="s">
        <v>8</v>
      </c>
      <c r="H6" s="20"/>
      <c r="I6" s="16">
        <v>4089</v>
      </c>
      <c r="J6" s="22">
        <v>2070</v>
      </c>
      <c r="K6" s="22">
        <v>2019</v>
      </c>
    </row>
    <row r="7" spans="1:11" ht="15" customHeight="1">
      <c r="A7" s="20" t="s">
        <v>9</v>
      </c>
      <c r="B7" s="20"/>
      <c r="C7" s="16">
        <v>1741</v>
      </c>
      <c r="D7" s="22">
        <v>887</v>
      </c>
      <c r="E7" s="22">
        <v>854</v>
      </c>
      <c r="F7" s="22"/>
      <c r="G7" s="21" t="s">
        <v>10</v>
      </c>
      <c r="H7" s="20"/>
      <c r="I7" s="16">
        <v>4019</v>
      </c>
      <c r="J7" s="22">
        <v>2025</v>
      </c>
      <c r="K7" s="22">
        <v>1994</v>
      </c>
    </row>
    <row r="8" spans="1:11" ht="15" customHeight="1">
      <c r="A8" s="20" t="s">
        <v>11</v>
      </c>
      <c r="B8" s="20"/>
      <c r="C8" s="16">
        <v>1723</v>
      </c>
      <c r="D8" s="22">
        <v>862</v>
      </c>
      <c r="E8" s="22">
        <v>861</v>
      </c>
      <c r="F8" s="22"/>
      <c r="G8" s="21" t="s">
        <v>12</v>
      </c>
      <c r="H8" s="20"/>
      <c r="I8" s="16">
        <v>3953</v>
      </c>
      <c r="J8" s="22">
        <v>2066</v>
      </c>
      <c r="K8" s="22">
        <v>1887</v>
      </c>
    </row>
    <row r="9" spans="1:11" ht="15" customHeight="1">
      <c r="A9" s="20" t="s">
        <v>13</v>
      </c>
      <c r="B9" s="20"/>
      <c r="C9" s="16">
        <v>1796</v>
      </c>
      <c r="D9" s="22">
        <v>897</v>
      </c>
      <c r="E9" s="22">
        <v>899</v>
      </c>
      <c r="F9" s="22"/>
      <c r="G9" s="21" t="s">
        <v>14</v>
      </c>
      <c r="H9" s="20"/>
      <c r="I9" s="16">
        <v>3751</v>
      </c>
      <c r="J9" s="22">
        <v>1964</v>
      </c>
      <c r="K9" s="22">
        <v>1787</v>
      </c>
    </row>
    <row r="10" spans="1:11" ht="15" customHeight="1">
      <c r="A10" s="20" t="s">
        <v>15</v>
      </c>
      <c r="B10" s="20"/>
      <c r="C10" s="16">
        <v>1802</v>
      </c>
      <c r="D10" s="22">
        <v>897</v>
      </c>
      <c r="E10" s="22">
        <v>905</v>
      </c>
      <c r="F10" s="22"/>
      <c r="G10" s="21" t="s">
        <v>16</v>
      </c>
      <c r="H10" s="20"/>
      <c r="I10" s="16">
        <v>3775</v>
      </c>
      <c r="J10" s="22">
        <v>1963</v>
      </c>
      <c r="K10" s="22">
        <v>1812</v>
      </c>
    </row>
    <row r="11" spans="1:11" ht="20.100000000000001" customHeight="1">
      <c r="A11" s="20" t="s">
        <v>17</v>
      </c>
      <c r="B11" s="20"/>
      <c r="C11" s="16">
        <v>9549</v>
      </c>
      <c r="D11" s="17">
        <v>4842</v>
      </c>
      <c r="E11" s="17">
        <v>4707</v>
      </c>
      <c r="F11" s="17"/>
      <c r="G11" s="21" t="s">
        <v>18</v>
      </c>
      <c r="H11" s="20"/>
      <c r="I11" s="16">
        <v>15683</v>
      </c>
      <c r="J11" s="17">
        <v>8270</v>
      </c>
      <c r="K11" s="17">
        <v>7413</v>
      </c>
    </row>
    <row r="12" spans="1:11" ht="15" customHeight="1">
      <c r="A12" s="20" t="s">
        <v>19</v>
      </c>
      <c r="B12" s="20"/>
      <c r="C12" s="16">
        <v>1955</v>
      </c>
      <c r="D12" s="22">
        <v>987</v>
      </c>
      <c r="E12" s="22">
        <v>968</v>
      </c>
      <c r="F12" s="22"/>
      <c r="G12" s="21" t="s">
        <v>20</v>
      </c>
      <c r="H12" s="20"/>
      <c r="I12" s="16">
        <v>3821</v>
      </c>
      <c r="J12" s="22">
        <v>2033</v>
      </c>
      <c r="K12" s="22">
        <v>1788</v>
      </c>
    </row>
    <row r="13" spans="1:11" ht="15" customHeight="1">
      <c r="A13" s="20" t="s">
        <v>21</v>
      </c>
      <c r="B13" s="20"/>
      <c r="C13" s="16">
        <v>1863</v>
      </c>
      <c r="D13" s="22">
        <v>936</v>
      </c>
      <c r="E13" s="22">
        <v>927</v>
      </c>
      <c r="F13" s="22"/>
      <c r="G13" s="21" t="s">
        <v>22</v>
      </c>
      <c r="H13" s="20"/>
      <c r="I13" s="16">
        <v>2720</v>
      </c>
      <c r="J13" s="22">
        <v>1418</v>
      </c>
      <c r="K13" s="22">
        <v>1302</v>
      </c>
    </row>
    <row r="14" spans="1:11" ht="15" customHeight="1">
      <c r="A14" s="20" t="s">
        <v>23</v>
      </c>
      <c r="B14" s="20"/>
      <c r="C14" s="16">
        <v>1887</v>
      </c>
      <c r="D14" s="22">
        <v>983</v>
      </c>
      <c r="E14" s="22">
        <v>904</v>
      </c>
      <c r="F14" s="22"/>
      <c r="G14" s="21" t="s">
        <v>24</v>
      </c>
      <c r="H14" s="20"/>
      <c r="I14" s="16">
        <v>3323</v>
      </c>
      <c r="J14" s="22">
        <v>1757</v>
      </c>
      <c r="K14" s="22">
        <v>1566</v>
      </c>
    </row>
    <row r="15" spans="1:11" ht="15" customHeight="1">
      <c r="A15" s="20" t="s">
        <v>25</v>
      </c>
      <c r="B15" s="20"/>
      <c r="C15" s="16">
        <v>1950</v>
      </c>
      <c r="D15" s="22">
        <v>992</v>
      </c>
      <c r="E15" s="22">
        <v>958</v>
      </c>
      <c r="F15" s="22"/>
      <c r="G15" s="21" t="s">
        <v>26</v>
      </c>
      <c r="H15" s="20"/>
      <c r="I15" s="16">
        <v>2982</v>
      </c>
      <c r="J15" s="22">
        <v>1581</v>
      </c>
      <c r="K15" s="22">
        <v>1401</v>
      </c>
    </row>
    <row r="16" spans="1:11" ht="15" customHeight="1">
      <c r="A16" s="20" t="s">
        <v>27</v>
      </c>
      <c r="B16" s="20"/>
      <c r="C16" s="16">
        <v>1894</v>
      </c>
      <c r="D16" s="22">
        <v>944</v>
      </c>
      <c r="E16" s="22">
        <v>950</v>
      </c>
      <c r="F16" s="22"/>
      <c r="G16" s="21" t="s">
        <v>28</v>
      </c>
      <c r="H16" s="20"/>
      <c r="I16" s="16">
        <v>2837</v>
      </c>
      <c r="J16" s="22">
        <v>1481</v>
      </c>
      <c r="K16" s="22">
        <v>1356</v>
      </c>
    </row>
    <row r="17" spans="1:11" ht="20.100000000000001" customHeight="1">
      <c r="A17" s="24" t="s">
        <v>29</v>
      </c>
      <c r="B17" s="24"/>
      <c r="C17" s="16">
        <v>9612</v>
      </c>
      <c r="D17" s="17">
        <v>4978</v>
      </c>
      <c r="E17" s="17">
        <v>4634</v>
      </c>
      <c r="F17" s="17"/>
      <c r="G17" s="21" t="s">
        <v>30</v>
      </c>
      <c r="H17" s="20"/>
      <c r="I17" s="16">
        <v>11475</v>
      </c>
      <c r="J17" s="17">
        <v>5949</v>
      </c>
      <c r="K17" s="17">
        <v>5526</v>
      </c>
    </row>
    <row r="18" spans="1:11" ht="15" customHeight="1">
      <c r="A18" s="20" t="s">
        <v>31</v>
      </c>
      <c r="B18" s="20"/>
      <c r="C18" s="16">
        <v>1937</v>
      </c>
      <c r="D18" s="22">
        <v>1006</v>
      </c>
      <c r="E18" s="22">
        <v>931</v>
      </c>
      <c r="F18" s="22"/>
      <c r="G18" s="21" t="s">
        <v>32</v>
      </c>
      <c r="H18" s="20"/>
      <c r="I18" s="16">
        <v>2589</v>
      </c>
      <c r="J18" s="22">
        <v>1371</v>
      </c>
      <c r="K18" s="22">
        <v>1218</v>
      </c>
    </row>
    <row r="19" spans="1:11" ht="15" customHeight="1">
      <c r="A19" s="20" t="s">
        <v>33</v>
      </c>
      <c r="B19" s="20"/>
      <c r="C19" s="16">
        <v>1894</v>
      </c>
      <c r="D19" s="22">
        <v>974</v>
      </c>
      <c r="E19" s="22">
        <v>920</v>
      </c>
      <c r="F19" s="22"/>
      <c r="G19" s="21" t="s">
        <v>34</v>
      </c>
      <c r="H19" s="20"/>
      <c r="I19" s="16">
        <v>2513</v>
      </c>
      <c r="J19" s="22">
        <v>1311</v>
      </c>
      <c r="K19" s="22">
        <v>1202</v>
      </c>
    </row>
    <row r="20" spans="1:11" ht="15" customHeight="1">
      <c r="A20" s="20" t="s">
        <v>35</v>
      </c>
      <c r="B20" s="20"/>
      <c r="C20" s="16">
        <v>1915</v>
      </c>
      <c r="D20" s="22">
        <v>1003</v>
      </c>
      <c r="E20" s="22">
        <v>912</v>
      </c>
      <c r="F20" s="22"/>
      <c r="G20" s="21" t="s">
        <v>36</v>
      </c>
      <c r="H20" s="20"/>
      <c r="I20" s="16">
        <v>2257</v>
      </c>
      <c r="J20" s="22">
        <v>1180</v>
      </c>
      <c r="K20" s="22">
        <v>1077</v>
      </c>
    </row>
    <row r="21" spans="1:11" ht="15" customHeight="1">
      <c r="A21" s="20" t="s">
        <v>37</v>
      </c>
      <c r="B21" s="20"/>
      <c r="C21" s="16">
        <v>1918</v>
      </c>
      <c r="D21" s="22">
        <v>972</v>
      </c>
      <c r="E21" s="22">
        <v>946</v>
      </c>
      <c r="F21" s="22"/>
      <c r="G21" s="21" t="s">
        <v>38</v>
      </c>
      <c r="H21" s="20"/>
      <c r="I21" s="16">
        <v>2132</v>
      </c>
      <c r="J21" s="22">
        <v>1095</v>
      </c>
      <c r="K21" s="22">
        <v>1037</v>
      </c>
    </row>
    <row r="22" spans="1:11" ht="15" customHeight="1">
      <c r="A22" s="20" t="s">
        <v>39</v>
      </c>
      <c r="B22" s="20"/>
      <c r="C22" s="16">
        <v>1948</v>
      </c>
      <c r="D22" s="22">
        <v>1023</v>
      </c>
      <c r="E22" s="22">
        <v>925</v>
      </c>
      <c r="F22" s="22"/>
      <c r="G22" s="21" t="s">
        <v>40</v>
      </c>
      <c r="H22" s="20"/>
      <c r="I22" s="16">
        <v>1984</v>
      </c>
      <c r="J22" s="22">
        <v>992</v>
      </c>
      <c r="K22" s="22">
        <v>992</v>
      </c>
    </row>
    <row r="23" spans="1:11" ht="20.100000000000001" customHeight="1">
      <c r="A23" s="20" t="s">
        <v>41</v>
      </c>
      <c r="B23" s="20"/>
      <c r="C23" s="16">
        <v>9602</v>
      </c>
      <c r="D23" s="17">
        <v>4894</v>
      </c>
      <c r="E23" s="17">
        <v>4708</v>
      </c>
      <c r="F23" s="17"/>
      <c r="G23" s="21" t="s">
        <v>42</v>
      </c>
      <c r="H23" s="20"/>
      <c r="I23" s="16">
        <v>9418</v>
      </c>
      <c r="J23" s="17">
        <v>4609</v>
      </c>
      <c r="K23" s="17">
        <v>4809</v>
      </c>
    </row>
    <row r="24" spans="1:11" ht="15" customHeight="1">
      <c r="A24" s="20" t="s">
        <v>43</v>
      </c>
      <c r="B24" s="20"/>
      <c r="C24" s="16">
        <v>1904</v>
      </c>
      <c r="D24" s="22">
        <v>957</v>
      </c>
      <c r="E24" s="22">
        <v>947</v>
      </c>
      <c r="F24" s="22"/>
      <c r="G24" s="21" t="s">
        <v>44</v>
      </c>
      <c r="H24" s="20"/>
      <c r="I24" s="16">
        <v>1858</v>
      </c>
      <c r="J24" s="22">
        <v>946</v>
      </c>
      <c r="K24" s="22">
        <v>912</v>
      </c>
    </row>
    <row r="25" spans="1:11" ht="15" customHeight="1">
      <c r="A25" s="20" t="s">
        <v>45</v>
      </c>
      <c r="B25" s="20"/>
      <c r="C25" s="16">
        <v>1918</v>
      </c>
      <c r="D25" s="22">
        <v>973</v>
      </c>
      <c r="E25" s="22">
        <v>945</v>
      </c>
      <c r="F25" s="22"/>
      <c r="G25" s="21" t="s">
        <v>46</v>
      </c>
      <c r="H25" s="20"/>
      <c r="I25" s="16">
        <v>1844</v>
      </c>
      <c r="J25" s="22">
        <v>915</v>
      </c>
      <c r="K25" s="22">
        <v>929</v>
      </c>
    </row>
    <row r="26" spans="1:11" ht="15" customHeight="1">
      <c r="A26" s="20" t="s">
        <v>47</v>
      </c>
      <c r="B26" s="20"/>
      <c r="C26" s="16">
        <v>1836</v>
      </c>
      <c r="D26" s="22">
        <v>943</v>
      </c>
      <c r="E26" s="22">
        <v>893</v>
      </c>
      <c r="F26" s="22"/>
      <c r="G26" s="21" t="s">
        <v>48</v>
      </c>
      <c r="H26" s="20"/>
      <c r="I26" s="16">
        <v>1914</v>
      </c>
      <c r="J26" s="22">
        <v>902</v>
      </c>
      <c r="K26" s="22">
        <v>1012</v>
      </c>
    </row>
    <row r="27" spans="1:11" ht="15" customHeight="1">
      <c r="A27" s="20" t="s">
        <v>49</v>
      </c>
      <c r="B27" s="20"/>
      <c r="C27" s="16">
        <v>1936</v>
      </c>
      <c r="D27" s="22">
        <v>984</v>
      </c>
      <c r="E27" s="22">
        <v>952</v>
      </c>
      <c r="F27" s="22"/>
      <c r="G27" s="21" t="s">
        <v>50</v>
      </c>
      <c r="H27" s="20"/>
      <c r="I27" s="16">
        <v>1857</v>
      </c>
      <c r="J27" s="22">
        <v>879</v>
      </c>
      <c r="K27" s="22">
        <v>978</v>
      </c>
    </row>
    <row r="28" spans="1:11" ht="15" customHeight="1">
      <c r="A28" s="20" t="s">
        <v>51</v>
      </c>
      <c r="B28" s="20"/>
      <c r="C28" s="16">
        <v>2008</v>
      </c>
      <c r="D28" s="22">
        <v>1037</v>
      </c>
      <c r="E28" s="22">
        <v>971</v>
      </c>
      <c r="F28" s="22"/>
      <c r="G28" s="21" t="s">
        <v>52</v>
      </c>
      <c r="H28" s="20"/>
      <c r="I28" s="16">
        <v>1945</v>
      </c>
      <c r="J28" s="22">
        <v>967</v>
      </c>
      <c r="K28" s="22">
        <v>978</v>
      </c>
    </row>
    <row r="29" spans="1:11" ht="20.100000000000001" customHeight="1">
      <c r="A29" s="20" t="s">
        <v>53</v>
      </c>
      <c r="B29" s="20"/>
      <c r="C29" s="16">
        <v>13941</v>
      </c>
      <c r="D29" s="17">
        <v>6868</v>
      </c>
      <c r="E29" s="17">
        <v>7073</v>
      </c>
      <c r="F29" s="17"/>
      <c r="G29" s="21" t="s">
        <v>54</v>
      </c>
      <c r="H29" s="20"/>
      <c r="I29" s="16">
        <v>11195</v>
      </c>
      <c r="J29" s="17">
        <v>5301</v>
      </c>
      <c r="K29" s="17">
        <v>5894</v>
      </c>
    </row>
    <row r="30" spans="1:11" ht="15" customHeight="1">
      <c r="A30" s="20" t="s">
        <v>55</v>
      </c>
      <c r="B30" s="20"/>
      <c r="C30" s="16">
        <v>2161</v>
      </c>
      <c r="D30" s="22">
        <v>1078</v>
      </c>
      <c r="E30" s="22">
        <v>1083</v>
      </c>
      <c r="F30" s="22"/>
      <c r="G30" s="21" t="s">
        <v>56</v>
      </c>
      <c r="H30" s="20"/>
      <c r="I30" s="16">
        <v>2024</v>
      </c>
      <c r="J30" s="22">
        <v>938</v>
      </c>
      <c r="K30" s="22">
        <v>1086</v>
      </c>
    </row>
    <row r="31" spans="1:11" ht="15" customHeight="1">
      <c r="A31" s="20" t="s">
        <v>57</v>
      </c>
      <c r="B31" s="20"/>
      <c r="C31" s="16">
        <v>2501</v>
      </c>
      <c r="D31" s="22">
        <v>1187</v>
      </c>
      <c r="E31" s="22">
        <v>1314</v>
      </c>
      <c r="F31" s="22"/>
      <c r="G31" s="21" t="s">
        <v>58</v>
      </c>
      <c r="H31" s="20"/>
      <c r="I31" s="16">
        <v>2082</v>
      </c>
      <c r="J31" s="22">
        <v>1010</v>
      </c>
      <c r="K31" s="22">
        <v>1072</v>
      </c>
    </row>
    <row r="32" spans="1:11" ht="15" customHeight="1">
      <c r="A32" s="20" t="s">
        <v>59</v>
      </c>
      <c r="B32" s="20"/>
      <c r="C32" s="16">
        <v>2661</v>
      </c>
      <c r="D32" s="22">
        <v>1311</v>
      </c>
      <c r="E32" s="22">
        <v>1350</v>
      </c>
      <c r="F32" s="22"/>
      <c r="G32" s="21" t="s">
        <v>60</v>
      </c>
      <c r="H32" s="20"/>
      <c r="I32" s="16">
        <v>2185</v>
      </c>
      <c r="J32" s="22">
        <v>1075</v>
      </c>
      <c r="K32" s="22">
        <v>1110</v>
      </c>
    </row>
    <row r="33" spans="1:11" ht="15" customHeight="1">
      <c r="A33" s="20" t="s">
        <v>61</v>
      </c>
      <c r="B33" s="20"/>
      <c r="C33" s="16">
        <v>3123</v>
      </c>
      <c r="D33" s="22">
        <v>1529</v>
      </c>
      <c r="E33" s="22">
        <v>1594</v>
      </c>
      <c r="F33" s="22"/>
      <c r="G33" s="21" t="s">
        <v>62</v>
      </c>
      <c r="H33" s="20"/>
      <c r="I33" s="16">
        <v>2500</v>
      </c>
      <c r="J33" s="22">
        <v>1153</v>
      </c>
      <c r="K33" s="22">
        <v>1347</v>
      </c>
    </row>
    <row r="34" spans="1:11" ht="15" customHeight="1">
      <c r="A34" s="20" t="s">
        <v>63</v>
      </c>
      <c r="B34" s="20"/>
      <c r="C34" s="16">
        <v>3495</v>
      </c>
      <c r="D34" s="22">
        <v>1763</v>
      </c>
      <c r="E34" s="22">
        <v>1732</v>
      </c>
      <c r="F34" s="22"/>
      <c r="G34" s="21" t="s">
        <v>64</v>
      </c>
      <c r="H34" s="20"/>
      <c r="I34" s="16">
        <v>2404</v>
      </c>
      <c r="J34" s="22">
        <v>1125</v>
      </c>
      <c r="K34" s="22">
        <v>1279</v>
      </c>
    </row>
    <row r="35" spans="1:11" ht="20.100000000000001" customHeight="1">
      <c r="A35" s="20" t="s">
        <v>65</v>
      </c>
      <c r="B35" s="20"/>
      <c r="C35" s="16">
        <v>16656</v>
      </c>
      <c r="D35" s="17">
        <v>8402</v>
      </c>
      <c r="E35" s="17">
        <v>8254</v>
      </c>
      <c r="F35" s="17"/>
      <c r="G35" s="21" t="s">
        <v>66</v>
      </c>
      <c r="H35" s="20"/>
      <c r="I35" s="16">
        <v>8787</v>
      </c>
      <c r="J35" s="17">
        <v>3988</v>
      </c>
      <c r="K35" s="17">
        <v>4799</v>
      </c>
    </row>
    <row r="36" spans="1:11" ht="15" customHeight="1">
      <c r="A36" s="20" t="s">
        <v>67</v>
      </c>
      <c r="B36" s="20"/>
      <c r="C36" s="16">
        <v>3455</v>
      </c>
      <c r="D36" s="22">
        <v>1713</v>
      </c>
      <c r="E36" s="22">
        <v>1742</v>
      </c>
      <c r="F36" s="22"/>
      <c r="G36" s="21" t="s">
        <v>68</v>
      </c>
      <c r="H36" s="20"/>
      <c r="I36" s="16">
        <v>2294</v>
      </c>
      <c r="J36" s="22">
        <v>1072</v>
      </c>
      <c r="K36" s="22">
        <v>1222</v>
      </c>
    </row>
    <row r="37" spans="1:11" ht="15" customHeight="1">
      <c r="A37" s="20" t="s">
        <v>69</v>
      </c>
      <c r="B37" s="20"/>
      <c r="C37" s="16">
        <v>3506</v>
      </c>
      <c r="D37" s="22">
        <v>1686</v>
      </c>
      <c r="E37" s="22">
        <v>1820</v>
      </c>
      <c r="F37" s="22"/>
      <c r="G37" s="21" t="s">
        <v>70</v>
      </c>
      <c r="H37" s="20"/>
      <c r="I37" s="16">
        <v>1594</v>
      </c>
      <c r="J37" s="22">
        <v>745</v>
      </c>
      <c r="K37" s="22">
        <v>849</v>
      </c>
    </row>
    <row r="38" spans="1:11" ht="15" customHeight="1">
      <c r="A38" s="20" t="s">
        <v>71</v>
      </c>
      <c r="B38" s="20"/>
      <c r="C38" s="16">
        <v>3342</v>
      </c>
      <c r="D38" s="22">
        <v>1762</v>
      </c>
      <c r="E38" s="22">
        <v>1580</v>
      </c>
      <c r="F38" s="22"/>
      <c r="G38" s="21" t="s">
        <v>72</v>
      </c>
      <c r="H38" s="20"/>
      <c r="I38" s="16">
        <v>1418</v>
      </c>
      <c r="J38" s="22">
        <v>652</v>
      </c>
      <c r="K38" s="22">
        <v>766</v>
      </c>
    </row>
    <row r="39" spans="1:11" ht="15" customHeight="1">
      <c r="A39" s="20" t="s">
        <v>73</v>
      </c>
      <c r="B39" s="20"/>
      <c r="C39" s="16">
        <v>3349</v>
      </c>
      <c r="D39" s="22">
        <v>1671</v>
      </c>
      <c r="E39" s="22">
        <v>1678</v>
      </c>
      <c r="F39" s="22"/>
      <c r="G39" s="21" t="s">
        <v>74</v>
      </c>
      <c r="H39" s="20"/>
      <c r="I39" s="16">
        <v>1762</v>
      </c>
      <c r="J39" s="22">
        <v>767</v>
      </c>
      <c r="K39" s="22">
        <v>995</v>
      </c>
    </row>
    <row r="40" spans="1:11" ht="15" customHeight="1">
      <c r="A40" s="20" t="s">
        <v>75</v>
      </c>
      <c r="B40" s="20"/>
      <c r="C40" s="16">
        <v>3004</v>
      </c>
      <c r="D40" s="22">
        <v>1570</v>
      </c>
      <c r="E40" s="22">
        <v>1434</v>
      </c>
      <c r="F40" s="22"/>
      <c r="G40" s="21" t="s">
        <v>76</v>
      </c>
      <c r="H40" s="20"/>
      <c r="I40" s="16">
        <v>1719</v>
      </c>
      <c r="J40" s="22">
        <v>752</v>
      </c>
      <c r="K40" s="22">
        <v>967</v>
      </c>
    </row>
    <row r="41" spans="1:11" ht="20.100000000000001" customHeight="1">
      <c r="A41" s="20" t="s">
        <v>77</v>
      </c>
      <c r="B41" s="20"/>
      <c r="C41" s="16">
        <v>15298</v>
      </c>
      <c r="D41" s="17">
        <v>7798</v>
      </c>
      <c r="E41" s="17">
        <v>7500</v>
      </c>
      <c r="F41" s="17"/>
      <c r="G41" s="21" t="s">
        <v>78</v>
      </c>
      <c r="H41" s="20"/>
      <c r="I41" s="16">
        <v>6804</v>
      </c>
      <c r="J41" s="17">
        <v>2749</v>
      </c>
      <c r="K41" s="17">
        <v>4055</v>
      </c>
    </row>
    <row r="42" spans="1:11" ht="15" customHeight="1">
      <c r="A42" s="20" t="s">
        <v>79</v>
      </c>
      <c r="B42" s="20"/>
      <c r="C42" s="16">
        <v>3196</v>
      </c>
      <c r="D42" s="22">
        <v>1662</v>
      </c>
      <c r="E42" s="22">
        <v>1534</v>
      </c>
      <c r="F42" s="22"/>
      <c r="G42" s="21" t="s">
        <v>80</v>
      </c>
      <c r="H42" s="20"/>
      <c r="I42" s="16">
        <v>1600</v>
      </c>
      <c r="J42" s="22">
        <v>679</v>
      </c>
      <c r="K42" s="22">
        <v>921</v>
      </c>
    </row>
    <row r="43" spans="1:11" ht="15" customHeight="1">
      <c r="A43" s="20" t="s">
        <v>81</v>
      </c>
      <c r="B43" s="20"/>
      <c r="C43" s="16">
        <v>3130</v>
      </c>
      <c r="D43" s="22">
        <v>1600</v>
      </c>
      <c r="E43" s="22">
        <v>1530</v>
      </c>
      <c r="F43" s="22"/>
      <c r="G43" s="21" t="s">
        <v>82</v>
      </c>
      <c r="H43" s="20"/>
      <c r="I43" s="16">
        <v>1543</v>
      </c>
      <c r="J43" s="22">
        <v>651</v>
      </c>
      <c r="K43" s="22">
        <v>892</v>
      </c>
    </row>
    <row r="44" spans="1:11" ht="15" customHeight="1">
      <c r="A44" s="20" t="s">
        <v>83</v>
      </c>
      <c r="B44" s="20"/>
      <c r="C44" s="16">
        <v>3061</v>
      </c>
      <c r="D44" s="22">
        <v>1545</v>
      </c>
      <c r="E44" s="22">
        <v>1516</v>
      </c>
      <c r="F44" s="22"/>
      <c r="G44" s="21" t="s">
        <v>84</v>
      </c>
      <c r="H44" s="20"/>
      <c r="I44" s="16">
        <v>1394</v>
      </c>
      <c r="J44" s="22">
        <v>557</v>
      </c>
      <c r="K44" s="22">
        <v>837</v>
      </c>
    </row>
    <row r="45" spans="1:11" ht="15" customHeight="1">
      <c r="A45" s="20" t="s">
        <v>85</v>
      </c>
      <c r="B45" s="20"/>
      <c r="C45" s="16">
        <v>2853</v>
      </c>
      <c r="D45" s="22">
        <v>1464</v>
      </c>
      <c r="E45" s="22">
        <v>1389</v>
      </c>
      <c r="F45" s="22"/>
      <c r="G45" s="21" t="s">
        <v>86</v>
      </c>
      <c r="H45" s="20"/>
      <c r="I45" s="16">
        <v>1131</v>
      </c>
      <c r="J45" s="22">
        <v>420</v>
      </c>
      <c r="K45" s="22">
        <v>711</v>
      </c>
    </row>
    <row r="46" spans="1:11" ht="15" customHeight="1">
      <c r="A46" s="20" t="s">
        <v>87</v>
      </c>
      <c r="B46" s="20"/>
      <c r="C46" s="16">
        <v>3058</v>
      </c>
      <c r="D46" s="22">
        <v>1527</v>
      </c>
      <c r="E46" s="22">
        <v>1531</v>
      </c>
      <c r="F46" s="22"/>
      <c r="G46" s="21" t="s">
        <v>88</v>
      </c>
      <c r="H46" s="20"/>
      <c r="I46" s="16">
        <v>1136</v>
      </c>
      <c r="J46" s="22">
        <v>442</v>
      </c>
      <c r="K46" s="22">
        <v>694</v>
      </c>
    </row>
    <row r="47" spans="1:11" ht="20.100000000000001" customHeight="1">
      <c r="A47" s="20" t="s">
        <v>89</v>
      </c>
      <c r="B47" s="20"/>
      <c r="C47" s="16">
        <v>16149</v>
      </c>
      <c r="D47" s="17">
        <v>8310</v>
      </c>
      <c r="E47" s="17">
        <v>7839</v>
      </c>
      <c r="F47" s="17"/>
      <c r="G47" s="21" t="s">
        <v>90</v>
      </c>
      <c r="H47" s="20"/>
      <c r="I47" s="16">
        <v>4639</v>
      </c>
      <c r="J47" s="17">
        <v>1664</v>
      </c>
      <c r="K47" s="17">
        <v>2975</v>
      </c>
    </row>
    <row r="48" spans="1:11" ht="15" customHeight="1">
      <c r="A48" s="20" t="s">
        <v>91</v>
      </c>
      <c r="B48" s="20"/>
      <c r="C48" s="16">
        <v>3093</v>
      </c>
      <c r="D48" s="22">
        <v>1577</v>
      </c>
      <c r="E48" s="22">
        <v>1516</v>
      </c>
      <c r="F48" s="22"/>
      <c r="G48" s="21" t="s">
        <v>92</v>
      </c>
      <c r="H48" s="20"/>
      <c r="I48" s="16">
        <v>1096</v>
      </c>
      <c r="J48" s="22">
        <v>405</v>
      </c>
      <c r="K48" s="22">
        <v>691</v>
      </c>
    </row>
    <row r="49" spans="1:11" ht="15" customHeight="1">
      <c r="A49" s="20" t="s">
        <v>93</v>
      </c>
      <c r="B49" s="20"/>
      <c r="C49" s="16">
        <v>3218</v>
      </c>
      <c r="D49" s="22">
        <v>1651</v>
      </c>
      <c r="E49" s="22">
        <v>1567</v>
      </c>
      <c r="F49" s="22"/>
      <c r="G49" s="21" t="s">
        <v>94</v>
      </c>
      <c r="H49" s="20"/>
      <c r="I49" s="16">
        <v>994</v>
      </c>
      <c r="J49" s="22">
        <v>363</v>
      </c>
      <c r="K49" s="22">
        <v>631</v>
      </c>
    </row>
    <row r="50" spans="1:11" ht="15" customHeight="1">
      <c r="A50" s="20" t="s">
        <v>95</v>
      </c>
      <c r="B50" s="20"/>
      <c r="C50" s="16">
        <v>3221</v>
      </c>
      <c r="D50" s="22">
        <v>1653</v>
      </c>
      <c r="E50" s="22">
        <v>1568</v>
      </c>
      <c r="F50" s="22"/>
      <c r="G50" s="21" t="s">
        <v>96</v>
      </c>
      <c r="H50" s="20"/>
      <c r="I50" s="16">
        <v>981</v>
      </c>
      <c r="J50" s="22">
        <v>340</v>
      </c>
      <c r="K50" s="22">
        <v>641</v>
      </c>
    </row>
    <row r="51" spans="1:11" ht="15" customHeight="1">
      <c r="A51" s="20" t="s">
        <v>97</v>
      </c>
      <c r="B51" s="20"/>
      <c r="C51" s="16">
        <v>3353</v>
      </c>
      <c r="D51" s="22">
        <v>1694</v>
      </c>
      <c r="E51" s="22">
        <v>1659</v>
      </c>
      <c r="F51" s="22"/>
      <c r="G51" s="21" t="s">
        <v>98</v>
      </c>
      <c r="H51" s="20"/>
      <c r="I51" s="16">
        <v>832</v>
      </c>
      <c r="J51" s="22">
        <v>307</v>
      </c>
      <c r="K51" s="22">
        <v>525</v>
      </c>
    </row>
    <row r="52" spans="1:11" ht="15" customHeight="1">
      <c r="A52" s="20" t="s">
        <v>99</v>
      </c>
      <c r="B52" s="20"/>
      <c r="C52" s="16">
        <v>3264</v>
      </c>
      <c r="D52" s="22">
        <v>1735</v>
      </c>
      <c r="E52" s="22">
        <v>1529</v>
      </c>
      <c r="F52" s="22"/>
      <c r="G52" s="21" t="s">
        <v>100</v>
      </c>
      <c r="H52" s="20"/>
      <c r="I52" s="16">
        <v>736</v>
      </c>
      <c r="J52" s="22">
        <v>249</v>
      </c>
      <c r="K52" s="22">
        <v>487</v>
      </c>
    </row>
    <row r="53" spans="1:11" ht="20.100000000000001" customHeight="1">
      <c r="A53" s="20" t="s">
        <v>101</v>
      </c>
      <c r="B53" s="20"/>
      <c r="C53" s="16">
        <v>17181</v>
      </c>
      <c r="D53" s="17">
        <v>8802</v>
      </c>
      <c r="E53" s="17">
        <v>8379</v>
      </c>
      <c r="F53" s="17"/>
      <c r="G53" s="21" t="s">
        <v>102</v>
      </c>
      <c r="H53" s="20"/>
      <c r="I53" s="16">
        <v>2272</v>
      </c>
      <c r="J53" s="17">
        <v>601</v>
      </c>
      <c r="K53" s="17">
        <v>1671</v>
      </c>
    </row>
    <row r="54" spans="1:11" ht="15" customHeight="1">
      <c r="A54" s="20" t="s">
        <v>103</v>
      </c>
      <c r="B54" s="20"/>
      <c r="C54" s="16">
        <v>3250</v>
      </c>
      <c r="D54" s="22">
        <v>1660</v>
      </c>
      <c r="E54" s="22">
        <v>1590</v>
      </c>
      <c r="F54" s="22"/>
      <c r="G54" s="21" t="s">
        <v>104</v>
      </c>
      <c r="H54" s="20"/>
      <c r="I54" s="16">
        <v>661</v>
      </c>
      <c r="J54" s="22">
        <v>193</v>
      </c>
      <c r="K54" s="22">
        <v>468</v>
      </c>
    </row>
    <row r="55" spans="1:11" ht="15" customHeight="1">
      <c r="A55" s="20" t="s">
        <v>105</v>
      </c>
      <c r="B55" s="20"/>
      <c r="C55" s="16">
        <v>3368</v>
      </c>
      <c r="D55" s="22">
        <v>1726</v>
      </c>
      <c r="E55" s="22">
        <v>1642</v>
      </c>
      <c r="F55" s="22"/>
      <c r="G55" s="21" t="s">
        <v>106</v>
      </c>
      <c r="H55" s="20"/>
      <c r="I55" s="16">
        <v>511</v>
      </c>
      <c r="J55" s="22">
        <v>134</v>
      </c>
      <c r="K55" s="22">
        <v>377</v>
      </c>
    </row>
    <row r="56" spans="1:11" ht="15" customHeight="1">
      <c r="A56" s="20" t="s">
        <v>107</v>
      </c>
      <c r="B56" s="20"/>
      <c r="C56" s="16">
        <v>3367</v>
      </c>
      <c r="D56" s="22">
        <v>1762</v>
      </c>
      <c r="E56" s="22">
        <v>1605</v>
      </c>
      <c r="F56" s="22"/>
      <c r="G56" s="21" t="s">
        <v>108</v>
      </c>
      <c r="H56" s="20"/>
      <c r="I56" s="16">
        <v>443</v>
      </c>
      <c r="J56" s="22">
        <v>105</v>
      </c>
      <c r="K56" s="22">
        <v>338</v>
      </c>
    </row>
    <row r="57" spans="1:11" ht="15" customHeight="1">
      <c r="A57" s="20" t="s">
        <v>109</v>
      </c>
      <c r="B57" s="20"/>
      <c r="C57" s="16">
        <v>3500</v>
      </c>
      <c r="D57" s="22">
        <v>1774</v>
      </c>
      <c r="E57" s="22">
        <v>1726</v>
      </c>
      <c r="F57" s="22"/>
      <c r="G57" s="21" t="s">
        <v>110</v>
      </c>
      <c r="H57" s="20"/>
      <c r="I57" s="16">
        <v>351</v>
      </c>
      <c r="J57" s="22">
        <v>99</v>
      </c>
      <c r="K57" s="22">
        <v>252</v>
      </c>
    </row>
    <row r="58" spans="1:11" ht="15" customHeight="1">
      <c r="A58" s="20" t="s">
        <v>111</v>
      </c>
      <c r="B58" s="20"/>
      <c r="C58" s="16">
        <v>3696</v>
      </c>
      <c r="D58" s="22">
        <v>1880</v>
      </c>
      <c r="E58" s="22">
        <v>1816</v>
      </c>
      <c r="F58" s="22"/>
      <c r="G58" s="21" t="s">
        <v>112</v>
      </c>
      <c r="H58" s="20"/>
      <c r="I58" s="16">
        <v>306</v>
      </c>
      <c r="J58" s="22">
        <v>70</v>
      </c>
      <c r="K58" s="22">
        <v>236</v>
      </c>
    </row>
    <row r="59" spans="1:11" ht="20.100000000000001" customHeight="1">
      <c r="A59" s="20" t="s">
        <v>113</v>
      </c>
      <c r="B59" s="20"/>
      <c r="C59" s="16">
        <v>19250</v>
      </c>
      <c r="D59" s="17">
        <v>9818</v>
      </c>
      <c r="E59" s="17">
        <v>9432</v>
      </c>
      <c r="F59" s="17"/>
      <c r="G59" s="21" t="s">
        <v>114</v>
      </c>
      <c r="H59" s="20"/>
      <c r="I59" s="16">
        <v>609</v>
      </c>
      <c r="J59" s="17">
        <v>129</v>
      </c>
      <c r="K59" s="17">
        <v>480</v>
      </c>
    </row>
    <row r="60" spans="1:11" ht="15" customHeight="1">
      <c r="A60" s="20" t="s">
        <v>115</v>
      </c>
      <c r="B60" s="20"/>
      <c r="C60" s="16">
        <v>3494</v>
      </c>
      <c r="D60" s="22">
        <v>1749</v>
      </c>
      <c r="E60" s="22">
        <v>1745</v>
      </c>
      <c r="F60" s="22"/>
      <c r="G60" s="21" t="s">
        <v>116</v>
      </c>
      <c r="H60" s="20"/>
      <c r="I60" s="16">
        <v>223</v>
      </c>
      <c r="J60" s="22">
        <v>52</v>
      </c>
      <c r="K60" s="22">
        <v>171</v>
      </c>
    </row>
    <row r="61" spans="1:11" ht="15" customHeight="1">
      <c r="A61" s="20" t="s">
        <v>117</v>
      </c>
      <c r="B61" s="20"/>
      <c r="C61" s="16">
        <v>3735</v>
      </c>
      <c r="D61" s="22">
        <v>1866</v>
      </c>
      <c r="E61" s="22">
        <v>1869</v>
      </c>
      <c r="F61" s="22"/>
      <c r="G61" s="21" t="s">
        <v>118</v>
      </c>
      <c r="H61" s="20"/>
      <c r="I61" s="16">
        <v>148</v>
      </c>
      <c r="J61" s="22">
        <v>35</v>
      </c>
      <c r="K61" s="22">
        <v>113</v>
      </c>
    </row>
    <row r="62" spans="1:11" ht="15" customHeight="1">
      <c r="A62" s="20" t="s">
        <v>119</v>
      </c>
      <c r="B62" s="20"/>
      <c r="C62" s="16">
        <v>3815</v>
      </c>
      <c r="D62" s="22">
        <v>1988</v>
      </c>
      <c r="E62" s="22">
        <v>1827</v>
      </c>
      <c r="F62" s="22"/>
      <c r="G62" s="21" t="s">
        <v>120</v>
      </c>
      <c r="H62" s="20"/>
      <c r="I62" s="16">
        <v>102</v>
      </c>
      <c r="J62" s="22">
        <v>29</v>
      </c>
      <c r="K62" s="22">
        <v>73</v>
      </c>
    </row>
    <row r="63" spans="1:11" ht="15" customHeight="1">
      <c r="A63" s="20" t="s">
        <v>121</v>
      </c>
      <c r="B63" s="20"/>
      <c r="C63" s="16">
        <v>4062</v>
      </c>
      <c r="D63" s="22">
        <v>2118</v>
      </c>
      <c r="E63" s="22">
        <v>1944</v>
      </c>
      <c r="F63" s="22"/>
      <c r="G63" s="21" t="s">
        <v>122</v>
      </c>
      <c r="H63" s="20"/>
      <c r="I63" s="16">
        <v>90</v>
      </c>
      <c r="J63" s="22">
        <v>7</v>
      </c>
      <c r="K63" s="22">
        <v>83</v>
      </c>
    </row>
    <row r="64" spans="1:11" ht="15" customHeight="1">
      <c r="A64" s="20" t="s">
        <v>123</v>
      </c>
      <c r="B64" s="20"/>
      <c r="C64" s="16">
        <v>4144</v>
      </c>
      <c r="D64" s="22">
        <v>2097</v>
      </c>
      <c r="E64" s="22">
        <v>2047</v>
      </c>
      <c r="F64" s="22"/>
      <c r="G64" s="21" t="s">
        <v>124</v>
      </c>
      <c r="H64" s="20"/>
      <c r="I64" s="16">
        <v>46</v>
      </c>
      <c r="J64" s="22">
        <v>6</v>
      </c>
      <c r="K64" s="22">
        <v>40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00</v>
      </c>
      <c r="J65" s="22">
        <v>12</v>
      </c>
      <c r="K65" s="22">
        <v>88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7250</v>
      </c>
      <c r="J66" s="32">
        <v>3216</v>
      </c>
      <c r="K66" s="32">
        <v>4034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4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82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24176</v>
      </c>
      <c r="D4" s="17">
        <v>114106</v>
      </c>
      <c r="E4" s="17">
        <v>110070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8015</v>
      </c>
      <c r="D5" s="17">
        <v>4100</v>
      </c>
      <c r="E5" s="17">
        <v>3915</v>
      </c>
      <c r="F5" s="17"/>
      <c r="G5" s="21" t="s">
        <v>6</v>
      </c>
      <c r="H5" s="20"/>
      <c r="I5" s="16">
        <v>17018</v>
      </c>
      <c r="J5" s="17">
        <v>8890</v>
      </c>
      <c r="K5" s="17">
        <v>8128</v>
      </c>
    </row>
    <row r="6" spans="1:11" ht="15" customHeight="1">
      <c r="A6" s="20" t="s">
        <v>7</v>
      </c>
      <c r="B6" s="20"/>
      <c r="C6" s="16">
        <v>1678</v>
      </c>
      <c r="D6" s="22">
        <v>880</v>
      </c>
      <c r="E6" s="22">
        <v>798</v>
      </c>
      <c r="F6" s="22"/>
      <c r="G6" s="21" t="s">
        <v>8</v>
      </c>
      <c r="H6" s="20"/>
      <c r="I6" s="16">
        <v>3426</v>
      </c>
      <c r="J6" s="22">
        <v>1714</v>
      </c>
      <c r="K6" s="22">
        <v>1712</v>
      </c>
    </row>
    <row r="7" spans="1:11" ht="15" customHeight="1">
      <c r="A7" s="20" t="s">
        <v>9</v>
      </c>
      <c r="B7" s="20"/>
      <c r="C7" s="16">
        <v>1631</v>
      </c>
      <c r="D7" s="22">
        <v>851</v>
      </c>
      <c r="E7" s="22">
        <v>780</v>
      </c>
      <c r="F7" s="22"/>
      <c r="G7" s="21" t="s">
        <v>10</v>
      </c>
      <c r="H7" s="20"/>
      <c r="I7" s="16">
        <v>3404</v>
      </c>
      <c r="J7" s="22">
        <v>1787</v>
      </c>
      <c r="K7" s="22">
        <v>1617</v>
      </c>
    </row>
    <row r="8" spans="1:11" ht="15" customHeight="1">
      <c r="A8" s="20" t="s">
        <v>11</v>
      </c>
      <c r="B8" s="20"/>
      <c r="C8" s="16">
        <v>1598</v>
      </c>
      <c r="D8" s="22">
        <v>837</v>
      </c>
      <c r="E8" s="22">
        <v>761</v>
      </c>
      <c r="F8" s="22"/>
      <c r="G8" s="21" t="s">
        <v>12</v>
      </c>
      <c r="H8" s="20"/>
      <c r="I8" s="16">
        <v>3505</v>
      </c>
      <c r="J8" s="22">
        <v>1864</v>
      </c>
      <c r="K8" s="22">
        <v>1641</v>
      </c>
    </row>
    <row r="9" spans="1:11" ht="15" customHeight="1">
      <c r="A9" s="20" t="s">
        <v>13</v>
      </c>
      <c r="B9" s="20"/>
      <c r="C9" s="16">
        <v>1564</v>
      </c>
      <c r="D9" s="22">
        <v>747</v>
      </c>
      <c r="E9" s="22">
        <v>817</v>
      </c>
      <c r="F9" s="22"/>
      <c r="G9" s="21" t="s">
        <v>14</v>
      </c>
      <c r="H9" s="20"/>
      <c r="I9" s="16">
        <v>3378</v>
      </c>
      <c r="J9" s="22">
        <v>1748</v>
      </c>
      <c r="K9" s="22">
        <v>1630</v>
      </c>
    </row>
    <row r="10" spans="1:11" ht="15" customHeight="1">
      <c r="A10" s="20" t="s">
        <v>15</v>
      </c>
      <c r="B10" s="20"/>
      <c r="C10" s="16">
        <v>1544</v>
      </c>
      <c r="D10" s="22">
        <v>785</v>
      </c>
      <c r="E10" s="22">
        <v>759</v>
      </c>
      <c r="F10" s="22"/>
      <c r="G10" s="21" t="s">
        <v>16</v>
      </c>
      <c r="H10" s="20"/>
      <c r="I10" s="16">
        <v>3305</v>
      </c>
      <c r="J10" s="22">
        <v>1777</v>
      </c>
      <c r="K10" s="22">
        <v>1528</v>
      </c>
    </row>
    <row r="11" spans="1:11" ht="20.100000000000001" customHeight="1">
      <c r="A11" s="20" t="s">
        <v>17</v>
      </c>
      <c r="B11" s="20"/>
      <c r="C11" s="16">
        <v>7470</v>
      </c>
      <c r="D11" s="17">
        <v>3850</v>
      </c>
      <c r="E11" s="17">
        <v>3620</v>
      </c>
      <c r="F11" s="17"/>
      <c r="G11" s="21" t="s">
        <v>18</v>
      </c>
      <c r="H11" s="20"/>
      <c r="I11" s="16">
        <v>14516</v>
      </c>
      <c r="J11" s="17">
        <v>7659</v>
      </c>
      <c r="K11" s="17">
        <v>6857</v>
      </c>
    </row>
    <row r="12" spans="1:11" ht="15" customHeight="1">
      <c r="A12" s="20" t="s">
        <v>19</v>
      </c>
      <c r="B12" s="20"/>
      <c r="C12" s="16">
        <v>1495</v>
      </c>
      <c r="D12" s="22">
        <v>777</v>
      </c>
      <c r="E12" s="22">
        <v>718</v>
      </c>
      <c r="F12" s="22"/>
      <c r="G12" s="21" t="s">
        <v>20</v>
      </c>
      <c r="H12" s="20"/>
      <c r="I12" s="16">
        <v>3322</v>
      </c>
      <c r="J12" s="22">
        <v>1699</v>
      </c>
      <c r="K12" s="22">
        <v>1623</v>
      </c>
    </row>
    <row r="13" spans="1:11" ht="15" customHeight="1">
      <c r="A13" s="20" t="s">
        <v>21</v>
      </c>
      <c r="B13" s="20"/>
      <c r="C13" s="16">
        <v>1515</v>
      </c>
      <c r="D13" s="22">
        <v>764</v>
      </c>
      <c r="E13" s="22">
        <v>751</v>
      </c>
      <c r="F13" s="22"/>
      <c r="G13" s="21" t="s">
        <v>22</v>
      </c>
      <c r="H13" s="20"/>
      <c r="I13" s="16">
        <v>2399</v>
      </c>
      <c r="J13" s="22">
        <v>1282</v>
      </c>
      <c r="K13" s="22">
        <v>1117</v>
      </c>
    </row>
    <row r="14" spans="1:11" ht="15" customHeight="1">
      <c r="A14" s="20" t="s">
        <v>23</v>
      </c>
      <c r="B14" s="20"/>
      <c r="C14" s="16">
        <v>1553</v>
      </c>
      <c r="D14" s="22">
        <v>808</v>
      </c>
      <c r="E14" s="22">
        <v>745</v>
      </c>
      <c r="F14" s="22"/>
      <c r="G14" s="21" t="s">
        <v>24</v>
      </c>
      <c r="H14" s="20"/>
      <c r="I14" s="16">
        <v>3131</v>
      </c>
      <c r="J14" s="22">
        <v>1637</v>
      </c>
      <c r="K14" s="22">
        <v>1494</v>
      </c>
    </row>
    <row r="15" spans="1:11" ht="15" customHeight="1">
      <c r="A15" s="20" t="s">
        <v>25</v>
      </c>
      <c r="B15" s="20"/>
      <c r="C15" s="16">
        <v>1469</v>
      </c>
      <c r="D15" s="22">
        <v>780</v>
      </c>
      <c r="E15" s="22">
        <v>689</v>
      </c>
      <c r="F15" s="22"/>
      <c r="G15" s="21" t="s">
        <v>26</v>
      </c>
      <c r="H15" s="20"/>
      <c r="I15" s="16">
        <v>2928</v>
      </c>
      <c r="J15" s="22">
        <v>1587</v>
      </c>
      <c r="K15" s="22">
        <v>1341</v>
      </c>
    </row>
    <row r="16" spans="1:11" ht="15" customHeight="1">
      <c r="A16" s="20" t="s">
        <v>27</v>
      </c>
      <c r="B16" s="20"/>
      <c r="C16" s="16">
        <v>1438</v>
      </c>
      <c r="D16" s="22">
        <v>721</v>
      </c>
      <c r="E16" s="22">
        <v>717</v>
      </c>
      <c r="F16" s="22"/>
      <c r="G16" s="21" t="s">
        <v>28</v>
      </c>
      <c r="H16" s="20"/>
      <c r="I16" s="16">
        <v>2736</v>
      </c>
      <c r="J16" s="22">
        <v>1454</v>
      </c>
      <c r="K16" s="22">
        <v>1282</v>
      </c>
    </row>
    <row r="17" spans="1:11" ht="20.100000000000001" customHeight="1">
      <c r="A17" s="24" t="s">
        <v>29</v>
      </c>
      <c r="B17" s="24"/>
      <c r="C17" s="16">
        <v>7511</v>
      </c>
      <c r="D17" s="17">
        <v>3845</v>
      </c>
      <c r="E17" s="17">
        <v>3666</v>
      </c>
      <c r="F17" s="17"/>
      <c r="G17" s="21" t="s">
        <v>30</v>
      </c>
      <c r="H17" s="20"/>
      <c r="I17" s="16">
        <v>11477</v>
      </c>
      <c r="J17" s="17">
        <v>6033</v>
      </c>
      <c r="K17" s="17">
        <v>5444</v>
      </c>
    </row>
    <row r="18" spans="1:11" ht="15" customHeight="1">
      <c r="A18" s="20" t="s">
        <v>31</v>
      </c>
      <c r="B18" s="20"/>
      <c r="C18" s="16">
        <v>1524</v>
      </c>
      <c r="D18" s="22">
        <v>778</v>
      </c>
      <c r="E18" s="22">
        <v>746</v>
      </c>
      <c r="F18" s="22"/>
      <c r="G18" s="21" t="s">
        <v>32</v>
      </c>
      <c r="H18" s="20"/>
      <c r="I18" s="16">
        <v>2521</v>
      </c>
      <c r="J18" s="22">
        <v>1323</v>
      </c>
      <c r="K18" s="22">
        <v>1198</v>
      </c>
    </row>
    <row r="19" spans="1:11" ht="15" customHeight="1">
      <c r="A19" s="20" t="s">
        <v>33</v>
      </c>
      <c r="B19" s="20"/>
      <c r="C19" s="16">
        <v>1506</v>
      </c>
      <c r="D19" s="22">
        <v>770</v>
      </c>
      <c r="E19" s="22">
        <v>736</v>
      </c>
      <c r="F19" s="22"/>
      <c r="G19" s="21" t="s">
        <v>34</v>
      </c>
      <c r="H19" s="20"/>
      <c r="I19" s="16">
        <v>2375</v>
      </c>
      <c r="J19" s="22">
        <v>1252</v>
      </c>
      <c r="K19" s="22">
        <v>1123</v>
      </c>
    </row>
    <row r="20" spans="1:11" ht="15" customHeight="1">
      <c r="A20" s="20" t="s">
        <v>35</v>
      </c>
      <c r="B20" s="20"/>
      <c r="C20" s="16">
        <v>1499</v>
      </c>
      <c r="D20" s="22">
        <v>784</v>
      </c>
      <c r="E20" s="22">
        <v>715</v>
      </c>
      <c r="F20" s="22"/>
      <c r="G20" s="21" t="s">
        <v>36</v>
      </c>
      <c r="H20" s="20"/>
      <c r="I20" s="16">
        <v>2275</v>
      </c>
      <c r="J20" s="22">
        <v>1207</v>
      </c>
      <c r="K20" s="22">
        <v>1068</v>
      </c>
    </row>
    <row r="21" spans="1:11" ht="15" customHeight="1">
      <c r="A21" s="20" t="s">
        <v>37</v>
      </c>
      <c r="B21" s="20"/>
      <c r="C21" s="16">
        <v>1465</v>
      </c>
      <c r="D21" s="22">
        <v>743</v>
      </c>
      <c r="E21" s="22">
        <v>722</v>
      </c>
      <c r="F21" s="22"/>
      <c r="G21" s="21" t="s">
        <v>38</v>
      </c>
      <c r="H21" s="20"/>
      <c r="I21" s="16">
        <v>2206</v>
      </c>
      <c r="J21" s="22">
        <v>1164</v>
      </c>
      <c r="K21" s="22">
        <v>1042</v>
      </c>
    </row>
    <row r="22" spans="1:11" ht="15" customHeight="1">
      <c r="A22" s="20" t="s">
        <v>39</v>
      </c>
      <c r="B22" s="20"/>
      <c r="C22" s="16">
        <v>1517</v>
      </c>
      <c r="D22" s="22">
        <v>770</v>
      </c>
      <c r="E22" s="22">
        <v>747</v>
      </c>
      <c r="F22" s="22"/>
      <c r="G22" s="21" t="s">
        <v>40</v>
      </c>
      <c r="H22" s="20"/>
      <c r="I22" s="16">
        <v>2100</v>
      </c>
      <c r="J22" s="22">
        <v>1087</v>
      </c>
      <c r="K22" s="22">
        <v>1013</v>
      </c>
    </row>
    <row r="23" spans="1:11" ht="20.100000000000001" customHeight="1">
      <c r="A23" s="20" t="s">
        <v>41</v>
      </c>
      <c r="B23" s="20"/>
      <c r="C23" s="16">
        <v>8057</v>
      </c>
      <c r="D23" s="17">
        <v>4204</v>
      </c>
      <c r="E23" s="17">
        <v>3853</v>
      </c>
      <c r="F23" s="17"/>
      <c r="G23" s="21" t="s">
        <v>42</v>
      </c>
      <c r="H23" s="20"/>
      <c r="I23" s="16">
        <v>9159</v>
      </c>
      <c r="J23" s="17">
        <v>4578</v>
      </c>
      <c r="K23" s="17">
        <v>4581</v>
      </c>
    </row>
    <row r="24" spans="1:11" ht="15" customHeight="1">
      <c r="A24" s="20" t="s">
        <v>43</v>
      </c>
      <c r="B24" s="20"/>
      <c r="C24" s="16">
        <v>1555</v>
      </c>
      <c r="D24" s="22">
        <v>818</v>
      </c>
      <c r="E24" s="22">
        <v>737</v>
      </c>
      <c r="F24" s="22"/>
      <c r="G24" s="21" t="s">
        <v>44</v>
      </c>
      <c r="H24" s="20"/>
      <c r="I24" s="16">
        <v>1796</v>
      </c>
      <c r="J24" s="22">
        <v>888</v>
      </c>
      <c r="K24" s="22">
        <v>908</v>
      </c>
    </row>
    <row r="25" spans="1:11" ht="15" customHeight="1">
      <c r="A25" s="20" t="s">
        <v>45</v>
      </c>
      <c r="B25" s="20"/>
      <c r="C25" s="16">
        <v>1558</v>
      </c>
      <c r="D25" s="22">
        <v>803</v>
      </c>
      <c r="E25" s="22">
        <v>755</v>
      </c>
      <c r="F25" s="22"/>
      <c r="G25" s="21" t="s">
        <v>46</v>
      </c>
      <c r="H25" s="20"/>
      <c r="I25" s="16">
        <v>1780</v>
      </c>
      <c r="J25" s="22">
        <v>904</v>
      </c>
      <c r="K25" s="22">
        <v>876</v>
      </c>
    </row>
    <row r="26" spans="1:11" ht="15" customHeight="1">
      <c r="A26" s="20" t="s">
        <v>47</v>
      </c>
      <c r="B26" s="20"/>
      <c r="C26" s="16">
        <v>1498</v>
      </c>
      <c r="D26" s="22">
        <v>782</v>
      </c>
      <c r="E26" s="22">
        <v>716</v>
      </c>
      <c r="F26" s="22"/>
      <c r="G26" s="21" t="s">
        <v>48</v>
      </c>
      <c r="H26" s="20"/>
      <c r="I26" s="16">
        <v>1929</v>
      </c>
      <c r="J26" s="22">
        <v>948</v>
      </c>
      <c r="K26" s="22">
        <v>981</v>
      </c>
    </row>
    <row r="27" spans="1:11" ht="15" customHeight="1">
      <c r="A27" s="20" t="s">
        <v>49</v>
      </c>
      <c r="B27" s="20"/>
      <c r="C27" s="16">
        <v>1617</v>
      </c>
      <c r="D27" s="22">
        <v>853</v>
      </c>
      <c r="E27" s="22">
        <v>764</v>
      </c>
      <c r="F27" s="22"/>
      <c r="G27" s="21" t="s">
        <v>50</v>
      </c>
      <c r="H27" s="20"/>
      <c r="I27" s="16">
        <v>1745</v>
      </c>
      <c r="J27" s="22">
        <v>880</v>
      </c>
      <c r="K27" s="22">
        <v>865</v>
      </c>
    </row>
    <row r="28" spans="1:11" ht="15" customHeight="1">
      <c r="A28" s="20" t="s">
        <v>51</v>
      </c>
      <c r="B28" s="20"/>
      <c r="C28" s="16">
        <v>1829</v>
      </c>
      <c r="D28" s="22">
        <v>948</v>
      </c>
      <c r="E28" s="22">
        <v>881</v>
      </c>
      <c r="F28" s="22"/>
      <c r="G28" s="21" t="s">
        <v>52</v>
      </c>
      <c r="H28" s="20"/>
      <c r="I28" s="16">
        <v>1909</v>
      </c>
      <c r="J28" s="22">
        <v>958</v>
      </c>
      <c r="K28" s="22">
        <v>951</v>
      </c>
    </row>
    <row r="29" spans="1:11" ht="20.100000000000001" customHeight="1">
      <c r="A29" s="20" t="s">
        <v>53</v>
      </c>
      <c r="B29" s="20"/>
      <c r="C29" s="16">
        <v>17393</v>
      </c>
      <c r="D29" s="17">
        <v>8966</v>
      </c>
      <c r="E29" s="17">
        <v>8427</v>
      </c>
      <c r="F29" s="17"/>
      <c r="G29" s="21" t="s">
        <v>54</v>
      </c>
      <c r="H29" s="20"/>
      <c r="I29" s="16">
        <v>10627</v>
      </c>
      <c r="J29" s="17">
        <v>5138</v>
      </c>
      <c r="K29" s="17">
        <v>5489</v>
      </c>
    </row>
    <row r="30" spans="1:11" ht="15" customHeight="1">
      <c r="A30" s="20" t="s">
        <v>55</v>
      </c>
      <c r="B30" s="20"/>
      <c r="C30" s="16">
        <v>2268</v>
      </c>
      <c r="D30" s="22">
        <v>1182</v>
      </c>
      <c r="E30" s="22">
        <v>1086</v>
      </c>
      <c r="F30" s="22"/>
      <c r="G30" s="21" t="s">
        <v>56</v>
      </c>
      <c r="H30" s="20"/>
      <c r="I30" s="16">
        <v>1938</v>
      </c>
      <c r="J30" s="22">
        <v>954</v>
      </c>
      <c r="K30" s="22">
        <v>984</v>
      </c>
    </row>
    <row r="31" spans="1:11" ht="15" customHeight="1">
      <c r="A31" s="20" t="s">
        <v>57</v>
      </c>
      <c r="B31" s="20"/>
      <c r="C31" s="16">
        <v>3099</v>
      </c>
      <c r="D31" s="22">
        <v>1576</v>
      </c>
      <c r="E31" s="22">
        <v>1523</v>
      </c>
      <c r="F31" s="22"/>
      <c r="G31" s="21" t="s">
        <v>58</v>
      </c>
      <c r="H31" s="20"/>
      <c r="I31" s="16">
        <v>1953</v>
      </c>
      <c r="J31" s="22">
        <v>974</v>
      </c>
      <c r="K31" s="22">
        <v>979</v>
      </c>
    </row>
    <row r="32" spans="1:11" ht="15" customHeight="1">
      <c r="A32" s="20" t="s">
        <v>59</v>
      </c>
      <c r="B32" s="20"/>
      <c r="C32" s="16">
        <v>3593</v>
      </c>
      <c r="D32" s="22">
        <v>1897</v>
      </c>
      <c r="E32" s="22">
        <v>1696</v>
      </c>
      <c r="F32" s="22"/>
      <c r="G32" s="21" t="s">
        <v>60</v>
      </c>
      <c r="H32" s="20"/>
      <c r="I32" s="16">
        <v>2160</v>
      </c>
      <c r="J32" s="22">
        <v>1021</v>
      </c>
      <c r="K32" s="22">
        <v>1139</v>
      </c>
    </row>
    <row r="33" spans="1:11" ht="15" customHeight="1">
      <c r="A33" s="20" t="s">
        <v>61</v>
      </c>
      <c r="B33" s="20"/>
      <c r="C33" s="16">
        <v>4150</v>
      </c>
      <c r="D33" s="22">
        <v>2145</v>
      </c>
      <c r="E33" s="22">
        <v>2005</v>
      </c>
      <c r="F33" s="22"/>
      <c r="G33" s="21" t="s">
        <v>62</v>
      </c>
      <c r="H33" s="20"/>
      <c r="I33" s="16">
        <v>2326</v>
      </c>
      <c r="J33" s="22">
        <v>1157</v>
      </c>
      <c r="K33" s="22">
        <v>1169</v>
      </c>
    </row>
    <row r="34" spans="1:11" ht="15" customHeight="1">
      <c r="A34" s="20" t="s">
        <v>63</v>
      </c>
      <c r="B34" s="20"/>
      <c r="C34" s="16">
        <v>4283</v>
      </c>
      <c r="D34" s="22">
        <v>2166</v>
      </c>
      <c r="E34" s="22">
        <v>2117</v>
      </c>
      <c r="F34" s="22"/>
      <c r="G34" s="21" t="s">
        <v>64</v>
      </c>
      <c r="H34" s="20"/>
      <c r="I34" s="16">
        <v>2250</v>
      </c>
      <c r="J34" s="22">
        <v>1032</v>
      </c>
      <c r="K34" s="22">
        <v>1218</v>
      </c>
    </row>
    <row r="35" spans="1:11" ht="20.100000000000001" customHeight="1">
      <c r="A35" s="20" t="s">
        <v>65</v>
      </c>
      <c r="B35" s="20"/>
      <c r="C35" s="16">
        <v>19305</v>
      </c>
      <c r="D35" s="17">
        <v>9931</v>
      </c>
      <c r="E35" s="17">
        <v>9374</v>
      </c>
      <c r="F35" s="17"/>
      <c r="G35" s="21" t="s">
        <v>66</v>
      </c>
      <c r="H35" s="20"/>
      <c r="I35" s="16">
        <v>8392</v>
      </c>
      <c r="J35" s="17">
        <v>3799</v>
      </c>
      <c r="K35" s="17">
        <v>4593</v>
      </c>
    </row>
    <row r="36" spans="1:11" ht="15" customHeight="1">
      <c r="A36" s="20" t="s">
        <v>67</v>
      </c>
      <c r="B36" s="20"/>
      <c r="C36" s="16">
        <v>3994</v>
      </c>
      <c r="D36" s="22">
        <v>2035</v>
      </c>
      <c r="E36" s="22">
        <v>1959</v>
      </c>
      <c r="F36" s="22"/>
      <c r="G36" s="21" t="s">
        <v>68</v>
      </c>
      <c r="H36" s="20"/>
      <c r="I36" s="16">
        <v>2192</v>
      </c>
      <c r="J36" s="22">
        <v>1013</v>
      </c>
      <c r="K36" s="22">
        <v>1179</v>
      </c>
    </row>
    <row r="37" spans="1:11" ht="15" customHeight="1">
      <c r="A37" s="20" t="s">
        <v>69</v>
      </c>
      <c r="B37" s="20"/>
      <c r="C37" s="16">
        <v>4017</v>
      </c>
      <c r="D37" s="22">
        <v>2099</v>
      </c>
      <c r="E37" s="22">
        <v>1918</v>
      </c>
      <c r="F37" s="22"/>
      <c r="G37" s="21" t="s">
        <v>70</v>
      </c>
      <c r="H37" s="20"/>
      <c r="I37" s="16">
        <v>1519</v>
      </c>
      <c r="J37" s="22">
        <v>723</v>
      </c>
      <c r="K37" s="22">
        <v>796</v>
      </c>
    </row>
    <row r="38" spans="1:11" ht="15" customHeight="1">
      <c r="A38" s="20" t="s">
        <v>71</v>
      </c>
      <c r="B38" s="20"/>
      <c r="C38" s="16">
        <v>3892</v>
      </c>
      <c r="D38" s="22">
        <v>2019</v>
      </c>
      <c r="E38" s="22">
        <v>1873</v>
      </c>
      <c r="F38" s="22"/>
      <c r="G38" s="21" t="s">
        <v>72</v>
      </c>
      <c r="H38" s="20"/>
      <c r="I38" s="16">
        <v>1367</v>
      </c>
      <c r="J38" s="22">
        <v>622</v>
      </c>
      <c r="K38" s="22">
        <v>745</v>
      </c>
    </row>
    <row r="39" spans="1:11" ht="15" customHeight="1">
      <c r="A39" s="20" t="s">
        <v>73</v>
      </c>
      <c r="B39" s="20"/>
      <c r="C39" s="16">
        <v>3827</v>
      </c>
      <c r="D39" s="22">
        <v>1969</v>
      </c>
      <c r="E39" s="22">
        <v>1858</v>
      </c>
      <c r="F39" s="22"/>
      <c r="G39" s="21" t="s">
        <v>74</v>
      </c>
      <c r="H39" s="20"/>
      <c r="I39" s="16">
        <v>1649</v>
      </c>
      <c r="J39" s="22">
        <v>704</v>
      </c>
      <c r="K39" s="22">
        <v>945</v>
      </c>
    </row>
    <row r="40" spans="1:11" ht="15" customHeight="1">
      <c r="A40" s="20" t="s">
        <v>75</v>
      </c>
      <c r="B40" s="20"/>
      <c r="C40" s="16">
        <v>3575</v>
      </c>
      <c r="D40" s="22">
        <v>1809</v>
      </c>
      <c r="E40" s="22">
        <v>1766</v>
      </c>
      <c r="F40" s="22"/>
      <c r="G40" s="21" t="s">
        <v>76</v>
      </c>
      <c r="H40" s="20"/>
      <c r="I40" s="16">
        <v>1665</v>
      </c>
      <c r="J40" s="22">
        <v>737</v>
      </c>
      <c r="K40" s="22">
        <v>928</v>
      </c>
    </row>
    <row r="41" spans="1:11" ht="20.100000000000001" customHeight="1">
      <c r="A41" s="20" t="s">
        <v>77</v>
      </c>
      <c r="B41" s="20"/>
      <c r="C41" s="16">
        <v>16361</v>
      </c>
      <c r="D41" s="17">
        <v>8568</v>
      </c>
      <c r="E41" s="17">
        <v>7793</v>
      </c>
      <c r="F41" s="17"/>
      <c r="G41" s="21" t="s">
        <v>78</v>
      </c>
      <c r="H41" s="20"/>
      <c r="I41" s="16">
        <v>6881</v>
      </c>
      <c r="J41" s="17">
        <v>2820</v>
      </c>
      <c r="K41" s="17">
        <v>4061</v>
      </c>
    </row>
    <row r="42" spans="1:11" ht="15" customHeight="1">
      <c r="A42" s="20" t="s">
        <v>79</v>
      </c>
      <c r="B42" s="20"/>
      <c r="C42" s="16">
        <v>3519</v>
      </c>
      <c r="D42" s="22">
        <v>1824</v>
      </c>
      <c r="E42" s="22">
        <v>1695</v>
      </c>
      <c r="F42" s="22"/>
      <c r="G42" s="21" t="s">
        <v>80</v>
      </c>
      <c r="H42" s="20"/>
      <c r="I42" s="16">
        <v>1602</v>
      </c>
      <c r="J42" s="22">
        <v>694</v>
      </c>
      <c r="K42" s="22">
        <v>908</v>
      </c>
    </row>
    <row r="43" spans="1:11" ht="15" customHeight="1">
      <c r="A43" s="20" t="s">
        <v>81</v>
      </c>
      <c r="B43" s="20"/>
      <c r="C43" s="16">
        <v>3335</v>
      </c>
      <c r="D43" s="22">
        <v>1734</v>
      </c>
      <c r="E43" s="22">
        <v>1601</v>
      </c>
      <c r="F43" s="22"/>
      <c r="G43" s="21" t="s">
        <v>82</v>
      </c>
      <c r="H43" s="20"/>
      <c r="I43" s="16">
        <v>1588</v>
      </c>
      <c r="J43" s="22">
        <v>639</v>
      </c>
      <c r="K43" s="22">
        <v>949</v>
      </c>
    </row>
    <row r="44" spans="1:11" ht="15" customHeight="1">
      <c r="A44" s="20" t="s">
        <v>83</v>
      </c>
      <c r="B44" s="20"/>
      <c r="C44" s="16">
        <v>3184</v>
      </c>
      <c r="D44" s="22">
        <v>1657</v>
      </c>
      <c r="E44" s="22">
        <v>1527</v>
      </c>
      <c r="F44" s="22"/>
      <c r="G44" s="21" t="s">
        <v>84</v>
      </c>
      <c r="H44" s="20"/>
      <c r="I44" s="16">
        <v>1345</v>
      </c>
      <c r="J44" s="22">
        <v>549</v>
      </c>
      <c r="K44" s="22">
        <v>796</v>
      </c>
    </row>
    <row r="45" spans="1:11" ht="15" customHeight="1">
      <c r="A45" s="20" t="s">
        <v>85</v>
      </c>
      <c r="B45" s="20"/>
      <c r="C45" s="16">
        <v>3146</v>
      </c>
      <c r="D45" s="22">
        <v>1654</v>
      </c>
      <c r="E45" s="22">
        <v>1492</v>
      </c>
      <c r="F45" s="22"/>
      <c r="G45" s="21" t="s">
        <v>86</v>
      </c>
      <c r="H45" s="20"/>
      <c r="I45" s="16">
        <v>1208</v>
      </c>
      <c r="J45" s="22">
        <v>483</v>
      </c>
      <c r="K45" s="22">
        <v>725</v>
      </c>
    </row>
    <row r="46" spans="1:11" ht="15" customHeight="1">
      <c r="A46" s="20" t="s">
        <v>87</v>
      </c>
      <c r="B46" s="20"/>
      <c r="C46" s="16">
        <v>3177</v>
      </c>
      <c r="D46" s="22">
        <v>1699</v>
      </c>
      <c r="E46" s="22">
        <v>1478</v>
      </c>
      <c r="F46" s="22"/>
      <c r="G46" s="21" t="s">
        <v>88</v>
      </c>
      <c r="H46" s="20"/>
      <c r="I46" s="16">
        <v>1138</v>
      </c>
      <c r="J46" s="22">
        <v>455</v>
      </c>
      <c r="K46" s="22">
        <v>683</v>
      </c>
    </row>
    <row r="47" spans="1:11" ht="20.100000000000001" customHeight="1">
      <c r="A47" s="20" t="s">
        <v>89</v>
      </c>
      <c r="B47" s="20"/>
      <c r="C47" s="16">
        <v>14997</v>
      </c>
      <c r="D47" s="17">
        <v>7938</v>
      </c>
      <c r="E47" s="17">
        <v>7059</v>
      </c>
      <c r="F47" s="17"/>
      <c r="G47" s="21" t="s">
        <v>90</v>
      </c>
      <c r="H47" s="20"/>
      <c r="I47" s="16">
        <v>4795</v>
      </c>
      <c r="J47" s="17">
        <v>1740</v>
      </c>
      <c r="K47" s="17">
        <v>3055</v>
      </c>
    </row>
    <row r="48" spans="1:11" ht="15" customHeight="1">
      <c r="A48" s="20" t="s">
        <v>91</v>
      </c>
      <c r="B48" s="20"/>
      <c r="C48" s="16">
        <v>3087</v>
      </c>
      <c r="D48" s="22">
        <v>1577</v>
      </c>
      <c r="E48" s="22">
        <v>1510</v>
      </c>
      <c r="F48" s="22"/>
      <c r="G48" s="21" t="s">
        <v>92</v>
      </c>
      <c r="H48" s="20"/>
      <c r="I48" s="16">
        <v>1155</v>
      </c>
      <c r="J48" s="22">
        <v>418</v>
      </c>
      <c r="K48" s="22">
        <v>737</v>
      </c>
    </row>
    <row r="49" spans="1:11" ht="15" customHeight="1">
      <c r="A49" s="20" t="s">
        <v>93</v>
      </c>
      <c r="B49" s="20"/>
      <c r="C49" s="16">
        <v>2947</v>
      </c>
      <c r="D49" s="22">
        <v>1592</v>
      </c>
      <c r="E49" s="22">
        <v>1355</v>
      </c>
      <c r="F49" s="22"/>
      <c r="G49" s="21" t="s">
        <v>94</v>
      </c>
      <c r="H49" s="20"/>
      <c r="I49" s="16">
        <v>1100</v>
      </c>
      <c r="J49" s="22">
        <v>412</v>
      </c>
      <c r="K49" s="22">
        <v>688</v>
      </c>
    </row>
    <row r="50" spans="1:11" ht="15" customHeight="1">
      <c r="A50" s="20" t="s">
        <v>95</v>
      </c>
      <c r="B50" s="20"/>
      <c r="C50" s="16">
        <v>2922</v>
      </c>
      <c r="D50" s="22">
        <v>1563</v>
      </c>
      <c r="E50" s="22">
        <v>1359</v>
      </c>
      <c r="F50" s="22"/>
      <c r="G50" s="21" t="s">
        <v>96</v>
      </c>
      <c r="H50" s="20"/>
      <c r="I50" s="16">
        <v>1021</v>
      </c>
      <c r="J50" s="22">
        <v>372</v>
      </c>
      <c r="K50" s="22">
        <v>649</v>
      </c>
    </row>
    <row r="51" spans="1:11" ht="15" customHeight="1">
      <c r="A51" s="20" t="s">
        <v>97</v>
      </c>
      <c r="B51" s="20"/>
      <c r="C51" s="16">
        <v>3055</v>
      </c>
      <c r="D51" s="22">
        <v>1628</v>
      </c>
      <c r="E51" s="22">
        <v>1427</v>
      </c>
      <c r="F51" s="22"/>
      <c r="G51" s="21" t="s">
        <v>98</v>
      </c>
      <c r="H51" s="20"/>
      <c r="I51" s="16">
        <v>781</v>
      </c>
      <c r="J51" s="22">
        <v>269</v>
      </c>
      <c r="K51" s="22">
        <v>512</v>
      </c>
    </row>
    <row r="52" spans="1:11" ht="15" customHeight="1">
      <c r="A52" s="20" t="s">
        <v>99</v>
      </c>
      <c r="B52" s="20"/>
      <c r="C52" s="16">
        <v>2986</v>
      </c>
      <c r="D52" s="22">
        <v>1578</v>
      </c>
      <c r="E52" s="22">
        <v>1408</v>
      </c>
      <c r="F52" s="22"/>
      <c r="G52" s="21" t="s">
        <v>100</v>
      </c>
      <c r="H52" s="20"/>
      <c r="I52" s="16">
        <v>738</v>
      </c>
      <c r="J52" s="22">
        <v>269</v>
      </c>
      <c r="K52" s="22">
        <v>469</v>
      </c>
    </row>
    <row r="53" spans="1:11" ht="20.100000000000001" customHeight="1">
      <c r="A53" s="20" t="s">
        <v>101</v>
      </c>
      <c r="B53" s="20"/>
      <c r="C53" s="16">
        <v>14477</v>
      </c>
      <c r="D53" s="17">
        <v>7814</v>
      </c>
      <c r="E53" s="17">
        <v>6663</v>
      </c>
      <c r="F53" s="17"/>
      <c r="G53" s="21" t="s">
        <v>102</v>
      </c>
      <c r="H53" s="20"/>
      <c r="I53" s="16">
        <v>2522</v>
      </c>
      <c r="J53" s="17">
        <v>775</v>
      </c>
      <c r="K53" s="17">
        <v>1747</v>
      </c>
    </row>
    <row r="54" spans="1:11" ht="15" customHeight="1">
      <c r="A54" s="20" t="s">
        <v>103</v>
      </c>
      <c r="B54" s="20"/>
      <c r="C54" s="16">
        <v>2878</v>
      </c>
      <c r="D54" s="22">
        <v>1581</v>
      </c>
      <c r="E54" s="22">
        <v>1297</v>
      </c>
      <c r="F54" s="22"/>
      <c r="G54" s="21" t="s">
        <v>104</v>
      </c>
      <c r="H54" s="20"/>
      <c r="I54" s="16">
        <v>699</v>
      </c>
      <c r="J54" s="22">
        <v>233</v>
      </c>
      <c r="K54" s="22">
        <v>466</v>
      </c>
    </row>
    <row r="55" spans="1:11" ht="15" customHeight="1">
      <c r="A55" s="20" t="s">
        <v>105</v>
      </c>
      <c r="B55" s="20"/>
      <c r="C55" s="16">
        <v>2855</v>
      </c>
      <c r="D55" s="22">
        <v>1543</v>
      </c>
      <c r="E55" s="22">
        <v>1312</v>
      </c>
      <c r="F55" s="22"/>
      <c r="G55" s="21" t="s">
        <v>106</v>
      </c>
      <c r="H55" s="20"/>
      <c r="I55" s="16">
        <v>597</v>
      </c>
      <c r="J55" s="22">
        <v>185</v>
      </c>
      <c r="K55" s="22">
        <v>412</v>
      </c>
    </row>
    <row r="56" spans="1:11" ht="15" customHeight="1">
      <c r="A56" s="20" t="s">
        <v>107</v>
      </c>
      <c r="B56" s="20"/>
      <c r="C56" s="16">
        <v>2841</v>
      </c>
      <c r="D56" s="22">
        <v>1508</v>
      </c>
      <c r="E56" s="22">
        <v>1333</v>
      </c>
      <c r="F56" s="22"/>
      <c r="G56" s="21" t="s">
        <v>108</v>
      </c>
      <c r="H56" s="20"/>
      <c r="I56" s="16">
        <v>490</v>
      </c>
      <c r="J56" s="22">
        <v>158</v>
      </c>
      <c r="K56" s="22">
        <v>332</v>
      </c>
    </row>
    <row r="57" spans="1:11" ht="15" customHeight="1">
      <c r="A57" s="20" t="s">
        <v>109</v>
      </c>
      <c r="B57" s="20"/>
      <c r="C57" s="16">
        <v>2929</v>
      </c>
      <c r="D57" s="22">
        <v>1577</v>
      </c>
      <c r="E57" s="22">
        <v>1352</v>
      </c>
      <c r="F57" s="22"/>
      <c r="G57" s="21" t="s">
        <v>110</v>
      </c>
      <c r="H57" s="20"/>
      <c r="I57" s="16">
        <v>407</v>
      </c>
      <c r="J57" s="22">
        <v>115</v>
      </c>
      <c r="K57" s="22">
        <v>292</v>
      </c>
    </row>
    <row r="58" spans="1:11" ht="15" customHeight="1">
      <c r="A58" s="20" t="s">
        <v>111</v>
      </c>
      <c r="B58" s="20"/>
      <c r="C58" s="16">
        <v>2974</v>
      </c>
      <c r="D58" s="22">
        <v>1605</v>
      </c>
      <c r="E58" s="22">
        <v>1369</v>
      </c>
      <c r="F58" s="22"/>
      <c r="G58" s="21" t="s">
        <v>112</v>
      </c>
      <c r="H58" s="20"/>
      <c r="I58" s="16">
        <v>329</v>
      </c>
      <c r="J58" s="22">
        <v>84</v>
      </c>
      <c r="K58" s="22">
        <v>245</v>
      </c>
    </row>
    <row r="59" spans="1:11" ht="20.100000000000001" customHeight="1">
      <c r="A59" s="20" t="s">
        <v>113</v>
      </c>
      <c r="B59" s="20"/>
      <c r="C59" s="16">
        <v>15800</v>
      </c>
      <c r="D59" s="17">
        <v>8339</v>
      </c>
      <c r="E59" s="17">
        <v>7461</v>
      </c>
      <c r="F59" s="17"/>
      <c r="G59" s="21" t="s">
        <v>114</v>
      </c>
      <c r="H59" s="20"/>
      <c r="I59" s="16">
        <v>704</v>
      </c>
      <c r="J59" s="17">
        <v>161</v>
      </c>
      <c r="K59" s="17">
        <v>543</v>
      </c>
    </row>
    <row r="60" spans="1:11" ht="15" customHeight="1">
      <c r="A60" s="20" t="s">
        <v>115</v>
      </c>
      <c r="B60" s="20"/>
      <c r="C60" s="16">
        <v>3025</v>
      </c>
      <c r="D60" s="22">
        <v>1601</v>
      </c>
      <c r="E60" s="22">
        <v>1424</v>
      </c>
      <c r="F60" s="22"/>
      <c r="G60" s="21" t="s">
        <v>116</v>
      </c>
      <c r="H60" s="20"/>
      <c r="I60" s="16">
        <v>255</v>
      </c>
      <c r="J60" s="22">
        <v>64</v>
      </c>
      <c r="K60" s="22">
        <v>191</v>
      </c>
    </row>
    <row r="61" spans="1:11" ht="15" customHeight="1">
      <c r="A61" s="20" t="s">
        <v>117</v>
      </c>
      <c r="B61" s="20"/>
      <c r="C61" s="16">
        <v>3059</v>
      </c>
      <c r="D61" s="22">
        <v>1603</v>
      </c>
      <c r="E61" s="22">
        <v>1456</v>
      </c>
      <c r="F61" s="22"/>
      <c r="G61" s="21" t="s">
        <v>118</v>
      </c>
      <c r="H61" s="20"/>
      <c r="I61" s="16">
        <v>164</v>
      </c>
      <c r="J61" s="22">
        <v>42</v>
      </c>
      <c r="K61" s="22">
        <v>122</v>
      </c>
    </row>
    <row r="62" spans="1:11" ht="15" customHeight="1">
      <c r="A62" s="20" t="s">
        <v>119</v>
      </c>
      <c r="B62" s="20"/>
      <c r="C62" s="16">
        <v>3103</v>
      </c>
      <c r="D62" s="22">
        <v>1626</v>
      </c>
      <c r="E62" s="22">
        <v>1477</v>
      </c>
      <c r="F62" s="22"/>
      <c r="G62" s="21" t="s">
        <v>120</v>
      </c>
      <c r="H62" s="20"/>
      <c r="I62" s="16">
        <v>137</v>
      </c>
      <c r="J62" s="22">
        <v>31</v>
      </c>
      <c r="K62" s="22">
        <v>106</v>
      </c>
    </row>
    <row r="63" spans="1:11" ht="15" customHeight="1">
      <c r="A63" s="20" t="s">
        <v>121</v>
      </c>
      <c r="B63" s="20"/>
      <c r="C63" s="16">
        <v>3221</v>
      </c>
      <c r="D63" s="22">
        <v>1687</v>
      </c>
      <c r="E63" s="22">
        <v>1534</v>
      </c>
      <c r="F63" s="22"/>
      <c r="G63" s="21" t="s">
        <v>122</v>
      </c>
      <c r="H63" s="20"/>
      <c r="I63" s="16">
        <v>91</v>
      </c>
      <c r="J63" s="22">
        <v>14</v>
      </c>
      <c r="K63" s="22">
        <v>77</v>
      </c>
    </row>
    <row r="64" spans="1:11" ht="15" customHeight="1">
      <c r="A64" s="20" t="s">
        <v>123</v>
      </c>
      <c r="B64" s="20"/>
      <c r="C64" s="16">
        <v>3392</v>
      </c>
      <c r="D64" s="22">
        <v>1822</v>
      </c>
      <c r="E64" s="22">
        <v>1570</v>
      </c>
      <c r="F64" s="22"/>
      <c r="G64" s="21" t="s">
        <v>124</v>
      </c>
      <c r="H64" s="20"/>
      <c r="I64" s="16">
        <v>57</v>
      </c>
      <c r="J64" s="22">
        <v>10</v>
      </c>
      <c r="K64" s="22">
        <v>47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11</v>
      </c>
      <c r="J65" s="22">
        <v>17</v>
      </c>
      <c r="K65" s="22">
        <v>94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8588</v>
      </c>
      <c r="J66" s="32">
        <v>4941</v>
      </c>
      <c r="K66" s="32">
        <v>3647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5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83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34828</v>
      </c>
      <c r="D4" s="17">
        <v>113670</v>
      </c>
      <c r="E4" s="17">
        <v>121158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9079</v>
      </c>
      <c r="D5" s="17">
        <v>4728</v>
      </c>
      <c r="E5" s="17">
        <v>4351</v>
      </c>
      <c r="F5" s="17"/>
      <c r="G5" s="21" t="s">
        <v>6</v>
      </c>
      <c r="H5" s="20"/>
      <c r="I5" s="16">
        <v>20221</v>
      </c>
      <c r="J5" s="17">
        <v>9919</v>
      </c>
      <c r="K5" s="17">
        <v>10302</v>
      </c>
    </row>
    <row r="6" spans="1:11" ht="15" customHeight="1">
      <c r="A6" s="20" t="s">
        <v>7</v>
      </c>
      <c r="B6" s="20"/>
      <c r="C6" s="16">
        <v>1639</v>
      </c>
      <c r="D6" s="22">
        <v>848</v>
      </c>
      <c r="E6" s="22">
        <v>791</v>
      </c>
      <c r="F6" s="22"/>
      <c r="G6" s="21" t="s">
        <v>8</v>
      </c>
      <c r="H6" s="20"/>
      <c r="I6" s="16">
        <v>4031</v>
      </c>
      <c r="J6" s="22">
        <v>1955</v>
      </c>
      <c r="K6" s="22">
        <v>2076</v>
      </c>
    </row>
    <row r="7" spans="1:11" ht="15" customHeight="1">
      <c r="A7" s="20" t="s">
        <v>9</v>
      </c>
      <c r="B7" s="20"/>
      <c r="C7" s="16">
        <v>1781</v>
      </c>
      <c r="D7" s="22">
        <v>934</v>
      </c>
      <c r="E7" s="22">
        <v>847</v>
      </c>
      <c r="F7" s="22"/>
      <c r="G7" s="21" t="s">
        <v>10</v>
      </c>
      <c r="H7" s="20"/>
      <c r="I7" s="16">
        <v>4076</v>
      </c>
      <c r="J7" s="22">
        <v>1926</v>
      </c>
      <c r="K7" s="22">
        <v>2150</v>
      </c>
    </row>
    <row r="8" spans="1:11" ht="15" customHeight="1">
      <c r="A8" s="20" t="s">
        <v>11</v>
      </c>
      <c r="B8" s="20"/>
      <c r="C8" s="16">
        <v>1786</v>
      </c>
      <c r="D8" s="22">
        <v>936</v>
      </c>
      <c r="E8" s="22">
        <v>850</v>
      </c>
      <c r="F8" s="22"/>
      <c r="G8" s="21" t="s">
        <v>12</v>
      </c>
      <c r="H8" s="20"/>
      <c r="I8" s="16">
        <v>4093</v>
      </c>
      <c r="J8" s="22">
        <v>2053</v>
      </c>
      <c r="K8" s="22">
        <v>2040</v>
      </c>
    </row>
    <row r="9" spans="1:11" ht="15" customHeight="1">
      <c r="A9" s="20" t="s">
        <v>13</v>
      </c>
      <c r="B9" s="20"/>
      <c r="C9" s="16">
        <v>1864</v>
      </c>
      <c r="D9" s="22">
        <v>979</v>
      </c>
      <c r="E9" s="22">
        <v>885</v>
      </c>
      <c r="F9" s="22"/>
      <c r="G9" s="21" t="s">
        <v>14</v>
      </c>
      <c r="H9" s="20"/>
      <c r="I9" s="16">
        <v>4034</v>
      </c>
      <c r="J9" s="22">
        <v>1987</v>
      </c>
      <c r="K9" s="22">
        <v>2047</v>
      </c>
    </row>
    <row r="10" spans="1:11" ht="15" customHeight="1">
      <c r="A10" s="20" t="s">
        <v>15</v>
      </c>
      <c r="B10" s="20"/>
      <c r="C10" s="16">
        <v>2009</v>
      </c>
      <c r="D10" s="22">
        <v>1031</v>
      </c>
      <c r="E10" s="22">
        <v>978</v>
      </c>
      <c r="F10" s="22"/>
      <c r="G10" s="21" t="s">
        <v>16</v>
      </c>
      <c r="H10" s="20"/>
      <c r="I10" s="16">
        <v>3987</v>
      </c>
      <c r="J10" s="22">
        <v>1998</v>
      </c>
      <c r="K10" s="22">
        <v>1989</v>
      </c>
    </row>
    <row r="11" spans="1:11" ht="20.100000000000001" customHeight="1">
      <c r="A11" s="20" t="s">
        <v>17</v>
      </c>
      <c r="B11" s="20"/>
      <c r="C11" s="16">
        <v>10837</v>
      </c>
      <c r="D11" s="17">
        <v>5487</v>
      </c>
      <c r="E11" s="17">
        <v>5350</v>
      </c>
      <c r="F11" s="17"/>
      <c r="G11" s="21" t="s">
        <v>18</v>
      </c>
      <c r="H11" s="20"/>
      <c r="I11" s="16">
        <v>17281</v>
      </c>
      <c r="J11" s="17">
        <v>8770</v>
      </c>
      <c r="K11" s="17">
        <v>8511</v>
      </c>
    </row>
    <row r="12" spans="1:11" ht="15" customHeight="1">
      <c r="A12" s="20" t="s">
        <v>19</v>
      </c>
      <c r="B12" s="20"/>
      <c r="C12" s="16">
        <v>2031</v>
      </c>
      <c r="D12" s="22">
        <v>1050</v>
      </c>
      <c r="E12" s="22">
        <v>981</v>
      </c>
      <c r="F12" s="22"/>
      <c r="G12" s="21" t="s">
        <v>20</v>
      </c>
      <c r="H12" s="20"/>
      <c r="I12" s="16">
        <v>4058</v>
      </c>
      <c r="J12" s="22">
        <v>2069</v>
      </c>
      <c r="K12" s="22">
        <v>1989</v>
      </c>
    </row>
    <row r="13" spans="1:11" ht="15" customHeight="1">
      <c r="A13" s="20" t="s">
        <v>21</v>
      </c>
      <c r="B13" s="20"/>
      <c r="C13" s="16">
        <v>2168</v>
      </c>
      <c r="D13" s="22">
        <v>1099</v>
      </c>
      <c r="E13" s="22">
        <v>1069</v>
      </c>
      <c r="F13" s="22"/>
      <c r="G13" s="21" t="s">
        <v>22</v>
      </c>
      <c r="H13" s="20"/>
      <c r="I13" s="16">
        <v>2922</v>
      </c>
      <c r="J13" s="22">
        <v>1497</v>
      </c>
      <c r="K13" s="22">
        <v>1425</v>
      </c>
    </row>
    <row r="14" spans="1:11" ht="15" customHeight="1">
      <c r="A14" s="20" t="s">
        <v>23</v>
      </c>
      <c r="B14" s="20"/>
      <c r="C14" s="16">
        <v>2313</v>
      </c>
      <c r="D14" s="22">
        <v>1134</v>
      </c>
      <c r="E14" s="22">
        <v>1179</v>
      </c>
      <c r="F14" s="22"/>
      <c r="G14" s="21" t="s">
        <v>24</v>
      </c>
      <c r="H14" s="20"/>
      <c r="I14" s="16">
        <v>3844</v>
      </c>
      <c r="J14" s="22">
        <v>1908</v>
      </c>
      <c r="K14" s="22">
        <v>1936</v>
      </c>
    </row>
    <row r="15" spans="1:11" ht="15" customHeight="1">
      <c r="A15" s="20" t="s">
        <v>25</v>
      </c>
      <c r="B15" s="20"/>
      <c r="C15" s="16">
        <v>2115</v>
      </c>
      <c r="D15" s="22">
        <v>1083</v>
      </c>
      <c r="E15" s="22">
        <v>1032</v>
      </c>
      <c r="F15" s="22"/>
      <c r="G15" s="21" t="s">
        <v>26</v>
      </c>
      <c r="H15" s="20"/>
      <c r="I15" s="16">
        <v>3344</v>
      </c>
      <c r="J15" s="22">
        <v>1714</v>
      </c>
      <c r="K15" s="22">
        <v>1630</v>
      </c>
    </row>
    <row r="16" spans="1:11" ht="15" customHeight="1">
      <c r="A16" s="20" t="s">
        <v>27</v>
      </c>
      <c r="B16" s="20"/>
      <c r="C16" s="16">
        <v>2210</v>
      </c>
      <c r="D16" s="22">
        <v>1121</v>
      </c>
      <c r="E16" s="22">
        <v>1089</v>
      </c>
      <c r="F16" s="22"/>
      <c r="G16" s="21" t="s">
        <v>28</v>
      </c>
      <c r="H16" s="20"/>
      <c r="I16" s="16">
        <v>3113</v>
      </c>
      <c r="J16" s="22">
        <v>1582</v>
      </c>
      <c r="K16" s="22">
        <v>1531</v>
      </c>
    </row>
    <row r="17" spans="1:11" ht="20.100000000000001" customHeight="1">
      <c r="A17" s="24" t="s">
        <v>29</v>
      </c>
      <c r="B17" s="24"/>
      <c r="C17" s="16">
        <v>10921</v>
      </c>
      <c r="D17" s="17">
        <v>5660</v>
      </c>
      <c r="E17" s="17">
        <v>5261</v>
      </c>
      <c r="F17" s="17"/>
      <c r="G17" s="21" t="s">
        <v>30</v>
      </c>
      <c r="H17" s="20"/>
      <c r="I17" s="16">
        <v>12910</v>
      </c>
      <c r="J17" s="17">
        <v>6550</v>
      </c>
      <c r="K17" s="17">
        <v>6360</v>
      </c>
    </row>
    <row r="18" spans="1:11" ht="15" customHeight="1">
      <c r="A18" s="20" t="s">
        <v>31</v>
      </c>
      <c r="B18" s="20"/>
      <c r="C18" s="16">
        <v>2181</v>
      </c>
      <c r="D18" s="22">
        <v>1153</v>
      </c>
      <c r="E18" s="22">
        <v>1028</v>
      </c>
      <c r="F18" s="22"/>
      <c r="G18" s="21" t="s">
        <v>32</v>
      </c>
      <c r="H18" s="20"/>
      <c r="I18" s="16">
        <v>2930</v>
      </c>
      <c r="J18" s="22">
        <v>1540</v>
      </c>
      <c r="K18" s="22">
        <v>1390</v>
      </c>
    </row>
    <row r="19" spans="1:11" ht="15" customHeight="1">
      <c r="A19" s="20" t="s">
        <v>33</v>
      </c>
      <c r="B19" s="20"/>
      <c r="C19" s="16">
        <v>2208</v>
      </c>
      <c r="D19" s="22">
        <v>1131</v>
      </c>
      <c r="E19" s="22">
        <v>1077</v>
      </c>
      <c r="F19" s="22"/>
      <c r="G19" s="21" t="s">
        <v>34</v>
      </c>
      <c r="H19" s="20"/>
      <c r="I19" s="16">
        <v>2698</v>
      </c>
      <c r="J19" s="22">
        <v>1344</v>
      </c>
      <c r="K19" s="22">
        <v>1354</v>
      </c>
    </row>
    <row r="20" spans="1:11" ht="15" customHeight="1">
      <c r="A20" s="20" t="s">
        <v>35</v>
      </c>
      <c r="B20" s="20"/>
      <c r="C20" s="16">
        <v>2154</v>
      </c>
      <c r="D20" s="22">
        <v>1134</v>
      </c>
      <c r="E20" s="22">
        <v>1020</v>
      </c>
      <c r="F20" s="22"/>
      <c r="G20" s="21" t="s">
        <v>36</v>
      </c>
      <c r="H20" s="20"/>
      <c r="I20" s="16">
        <v>2529</v>
      </c>
      <c r="J20" s="22">
        <v>1294</v>
      </c>
      <c r="K20" s="22">
        <v>1235</v>
      </c>
    </row>
    <row r="21" spans="1:11" ht="15" customHeight="1">
      <c r="A21" s="20" t="s">
        <v>37</v>
      </c>
      <c r="B21" s="20"/>
      <c r="C21" s="16">
        <v>2161</v>
      </c>
      <c r="D21" s="22">
        <v>1097</v>
      </c>
      <c r="E21" s="22">
        <v>1064</v>
      </c>
      <c r="F21" s="22"/>
      <c r="G21" s="21" t="s">
        <v>38</v>
      </c>
      <c r="H21" s="20"/>
      <c r="I21" s="16">
        <v>2426</v>
      </c>
      <c r="J21" s="22">
        <v>1215</v>
      </c>
      <c r="K21" s="22">
        <v>1211</v>
      </c>
    </row>
    <row r="22" spans="1:11" ht="15" customHeight="1">
      <c r="A22" s="20" t="s">
        <v>39</v>
      </c>
      <c r="B22" s="20"/>
      <c r="C22" s="16">
        <v>2217</v>
      </c>
      <c r="D22" s="22">
        <v>1145</v>
      </c>
      <c r="E22" s="22">
        <v>1072</v>
      </c>
      <c r="F22" s="22"/>
      <c r="G22" s="21" t="s">
        <v>40</v>
      </c>
      <c r="H22" s="20"/>
      <c r="I22" s="16">
        <v>2327</v>
      </c>
      <c r="J22" s="22">
        <v>1157</v>
      </c>
      <c r="K22" s="22">
        <v>1170</v>
      </c>
    </row>
    <row r="23" spans="1:11" ht="20.100000000000001" customHeight="1">
      <c r="A23" s="20" t="s">
        <v>41</v>
      </c>
      <c r="B23" s="20"/>
      <c r="C23" s="16">
        <v>10592</v>
      </c>
      <c r="D23" s="17">
        <v>5370</v>
      </c>
      <c r="E23" s="17">
        <v>5222</v>
      </c>
      <c r="F23" s="17"/>
      <c r="G23" s="21" t="s">
        <v>42</v>
      </c>
      <c r="H23" s="20"/>
      <c r="I23" s="16">
        <v>10167</v>
      </c>
      <c r="J23" s="17">
        <v>5018</v>
      </c>
      <c r="K23" s="17">
        <v>5149</v>
      </c>
    </row>
    <row r="24" spans="1:11" ht="15" customHeight="1">
      <c r="A24" s="20" t="s">
        <v>43</v>
      </c>
      <c r="B24" s="20"/>
      <c r="C24" s="16">
        <v>2184</v>
      </c>
      <c r="D24" s="22">
        <v>1138</v>
      </c>
      <c r="E24" s="22">
        <v>1046</v>
      </c>
      <c r="F24" s="22"/>
      <c r="G24" s="21" t="s">
        <v>44</v>
      </c>
      <c r="H24" s="20"/>
      <c r="I24" s="16">
        <v>2071</v>
      </c>
      <c r="J24" s="22">
        <v>1036</v>
      </c>
      <c r="K24" s="22">
        <v>1035</v>
      </c>
    </row>
    <row r="25" spans="1:11" ht="15" customHeight="1">
      <c r="A25" s="20" t="s">
        <v>45</v>
      </c>
      <c r="B25" s="20"/>
      <c r="C25" s="16">
        <v>2103</v>
      </c>
      <c r="D25" s="22">
        <v>1097</v>
      </c>
      <c r="E25" s="22">
        <v>1006</v>
      </c>
      <c r="F25" s="22"/>
      <c r="G25" s="21" t="s">
        <v>46</v>
      </c>
      <c r="H25" s="20"/>
      <c r="I25" s="16">
        <v>2029</v>
      </c>
      <c r="J25" s="22">
        <v>1026</v>
      </c>
      <c r="K25" s="22">
        <v>1003</v>
      </c>
    </row>
    <row r="26" spans="1:11" ht="15" customHeight="1">
      <c r="A26" s="20" t="s">
        <v>47</v>
      </c>
      <c r="B26" s="20"/>
      <c r="C26" s="16">
        <v>2082</v>
      </c>
      <c r="D26" s="22">
        <v>1036</v>
      </c>
      <c r="E26" s="22">
        <v>1046</v>
      </c>
      <c r="F26" s="22"/>
      <c r="G26" s="21" t="s">
        <v>48</v>
      </c>
      <c r="H26" s="20"/>
      <c r="I26" s="16">
        <v>1965</v>
      </c>
      <c r="J26" s="22">
        <v>976</v>
      </c>
      <c r="K26" s="22">
        <v>989</v>
      </c>
    </row>
    <row r="27" spans="1:11" ht="15" customHeight="1">
      <c r="A27" s="20" t="s">
        <v>49</v>
      </c>
      <c r="B27" s="20"/>
      <c r="C27" s="16">
        <v>2062</v>
      </c>
      <c r="D27" s="22">
        <v>1052</v>
      </c>
      <c r="E27" s="22">
        <v>1010</v>
      </c>
      <c r="F27" s="22"/>
      <c r="G27" s="21" t="s">
        <v>50</v>
      </c>
      <c r="H27" s="20"/>
      <c r="I27" s="16">
        <v>2054</v>
      </c>
      <c r="J27" s="22">
        <v>1018</v>
      </c>
      <c r="K27" s="22">
        <v>1036</v>
      </c>
    </row>
    <row r="28" spans="1:11" ht="15" customHeight="1">
      <c r="A28" s="20" t="s">
        <v>51</v>
      </c>
      <c r="B28" s="20"/>
      <c r="C28" s="16">
        <v>2161</v>
      </c>
      <c r="D28" s="22">
        <v>1047</v>
      </c>
      <c r="E28" s="22">
        <v>1114</v>
      </c>
      <c r="F28" s="22"/>
      <c r="G28" s="21" t="s">
        <v>52</v>
      </c>
      <c r="H28" s="20"/>
      <c r="I28" s="16">
        <v>2048</v>
      </c>
      <c r="J28" s="22">
        <v>962</v>
      </c>
      <c r="K28" s="22">
        <v>1086</v>
      </c>
    </row>
    <row r="29" spans="1:11" ht="20.100000000000001" customHeight="1">
      <c r="A29" s="20" t="s">
        <v>53</v>
      </c>
      <c r="B29" s="20"/>
      <c r="C29" s="16">
        <v>12930</v>
      </c>
      <c r="D29" s="17">
        <v>6349</v>
      </c>
      <c r="E29" s="17">
        <v>6581</v>
      </c>
      <c r="F29" s="17"/>
      <c r="G29" s="21" t="s">
        <v>54</v>
      </c>
      <c r="H29" s="20"/>
      <c r="I29" s="16">
        <v>12138</v>
      </c>
      <c r="J29" s="17">
        <v>5629</v>
      </c>
      <c r="K29" s="17">
        <v>6509</v>
      </c>
    </row>
    <row r="30" spans="1:11" ht="15" customHeight="1">
      <c r="A30" s="20" t="s">
        <v>55</v>
      </c>
      <c r="B30" s="20"/>
      <c r="C30" s="16">
        <v>2359</v>
      </c>
      <c r="D30" s="22">
        <v>1200</v>
      </c>
      <c r="E30" s="22">
        <v>1159</v>
      </c>
      <c r="F30" s="22"/>
      <c r="G30" s="21" t="s">
        <v>56</v>
      </c>
      <c r="H30" s="20"/>
      <c r="I30" s="16">
        <v>2187</v>
      </c>
      <c r="J30" s="22">
        <v>1041</v>
      </c>
      <c r="K30" s="22">
        <v>1146</v>
      </c>
    </row>
    <row r="31" spans="1:11" ht="15" customHeight="1">
      <c r="A31" s="20" t="s">
        <v>57</v>
      </c>
      <c r="B31" s="20"/>
      <c r="C31" s="16">
        <v>2475</v>
      </c>
      <c r="D31" s="22">
        <v>1201</v>
      </c>
      <c r="E31" s="22">
        <v>1274</v>
      </c>
      <c r="F31" s="22"/>
      <c r="G31" s="21" t="s">
        <v>58</v>
      </c>
      <c r="H31" s="20"/>
      <c r="I31" s="16">
        <v>2203</v>
      </c>
      <c r="J31" s="22">
        <v>1025</v>
      </c>
      <c r="K31" s="22">
        <v>1178</v>
      </c>
    </row>
    <row r="32" spans="1:11" ht="15" customHeight="1">
      <c r="A32" s="20" t="s">
        <v>59</v>
      </c>
      <c r="B32" s="20"/>
      <c r="C32" s="16">
        <v>2648</v>
      </c>
      <c r="D32" s="22">
        <v>1290</v>
      </c>
      <c r="E32" s="22">
        <v>1358</v>
      </c>
      <c r="F32" s="22"/>
      <c r="G32" s="21" t="s">
        <v>60</v>
      </c>
      <c r="H32" s="20"/>
      <c r="I32" s="16">
        <v>2359</v>
      </c>
      <c r="J32" s="22">
        <v>1103</v>
      </c>
      <c r="K32" s="22">
        <v>1256</v>
      </c>
    </row>
    <row r="33" spans="1:11" ht="15" customHeight="1">
      <c r="A33" s="20" t="s">
        <v>61</v>
      </c>
      <c r="B33" s="20"/>
      <c r="C33" s="16">
        <v>2735</v>
      </c>
      <c r="D33" s="22">
        <v>1305</v>
      </c>
      <c r="E33" s="22">
        <v>1430</v>
      </c>
      <c r="F33" s="22"/>
      <c r="G33" s="21" t="s">
        <v>62</v>
      </c>
      <c r="H33" s="20"/>
      <c r="I33" s="16">
        <v>2735</v>
      </c>
      <c r="J33" s="22">
        <v>1237</v>
      </c>
      <c r="K33" s="22">
        <v>1498</v>
      </c>
    </row>
    <row r="34" spans="1:11" ht="15" customHeight="1">
      <c r="A34" s="20" t="s">
        <v>63</v>
      </c>
      <c r="B34" s="20"/>
      <c r="C34" s="16">
        <v>2713</v>
      </c>
      <c r="D34" s="22">
        <v>1353</v>
      </c>
      <c r="E34" s="22">
        <v>1360</v>
      </c>
      <c r="F34" s="22"/>
      <c r="G34" s="21" t="s">
        <v>64</v>
      </c>
      <c r="H34" s="20"/>
      <c r="I34" s="16">
        <v>2654</v>
      </c>
      <c r="J34" s="22">
        <v>1223</v>
      </c>
      <c r="K34" s="22">
        <v>1431</v>
      </c>
    </row>
    <row r="35" spans="1:11" ht="20.100000000000001" customHeight="1">
      <c r="A35" s="20" t="s">
        <v>65</v>
      </c>
      <c r="B35" s="20"/>
      <c r="C35" s="16">
        <v>12526</v>
      </c>
      <c r="D35" s="17">
        <v>6034</v>
      </c>
      <c r="E35" s="17">
        <v>6492</v>
      </c>
      <c r="F35" s="17"/>
      <c r="G35" s="21" t="s">
        <v>66</v>
      </c>
      <c r="H35" s="20"/>
      <c r="I35" s="16">
        <v>10008</v>
      </c>
      <c r="J35" s="17">
        <v>4431</v>
      </c>
      <c r="K35" s="17">
        <v>5577</v>
      </c>
    </row>
    <row r="36" spans="1:11" ht="15" customHeight="1">
      <c r="A36" s="20" t="s">
        <v>67</v>
      </c>
      <c r="B36" s="20"/>
      <c r="C36" s="16">
        <v>2584</v>
      </c>
      <c r="D36" s="22">
        <v>1265</v>
      </c>
      <c r="E36" s="22">
        <v>1319</v>
      </c>
      <c r="F36" s="22"/>
      <c r="G36" s="21" t="s">
        <v>68</v>
      </c>
      <c r="H36" s="20"/>
      <c r="I36" s="16">
        <v>2601</v>
      </c>
      <c r="J36" s="22">
        <v>1193</v>
      </c>
      <c r="K36" s="22">
        <v>1408</v>
      </c>
    </row>
    <row r="37" spans="1:11" ht="15" customHeight="1">
      <c r="A37" s="20" t="s">
        <v>69</v>
      </c>
      <c r="B37" s="20"/>
      <c r="C37" s="16">
        <v>2556</v>
      </c>
      <c r="D37" s="22">
        <v>1248</v>
      </c>
      <c r="E37" s="22">
        <v>1308</v>
      </c>
      <c r="F37" s="22"/>
      <c r="G37" s="21" t="s">
        <v>70</v>
      </c>
      <c r="H37" s="20"/>
      <c r="I37" s="16">
        <v>1769</v>
      </c>
      <c r="J37" s="22">
        <v>800</v>
      </c>
      <c r="K37" s="22">
        <v>969</v>
      </c>
    </row>
    <row r="38" spans="1:11" ht="15" customHeight="1">
      <c r="A38" s="20" t="s">
        <v>71</v>
      </c>
      <c r="B38" s="20"/>
      <c r="C38" s="16">
        <v>2409</v>
      </c>
      <c r="D38" s="22">
        <v>1113</v>
      </c>
      <c r="E38" s="22">
        <v>1296</v>
      </c>
      <c r="F38" s="22"/>
      <c r="G38" s="21" t="s">
        <v>72</v>
      </c>
      <c r="H38" s="20"/>
      <c r="I38" s="16">
        <v>1609</v>
      </c>
      <c r="J38" s="22">
        <v>697</v>
      </c>
      <c r="K38" s="22">
        <v>912</v>
      </c>
    </row>
    <row r="39" spans="1:11" ht="15" customHeight="1">
      <c r="A39" s="20" t="s">
        <v>73</v>
      </c>
      <c r="B39" s="20"/>
      <c r="C39" s="16">
        <v>2565</v>
      </c>
      <c r="D39" s="22">
        <v>1240</v>
      </c>
      <c r="E39" s="22">
        <v>1325</v>
      </c>
      <c r="F39" s="22"/>
      <c r="G39" s="21" t="s">
        <v>74</v>
      </c>
      <c r="H39" s="20"/>
      <c r="I39" s="16">
        <v>1932</v>
      </c>
      <c r="J39" s="22">
        <v>839</v>
      </c>
      <c r="K39" s="22">
        <v>1093</v>
      </c>
    </row>
    <row r="40" spans="1:11" ht="15" customHeight="1">
      <c r="A40" s="20" t="s">
        <v>75</v>
      </c>
      <c r="B40" s="20"/>
      <c r="C40" s="16">
        <v>2412</v>
      </c>
      <c r="D40" s="22">
        <v>1168</v>
      </c>
      <c r="E40" s="22">
        <v>1244</v>
      </c>
      <c r="F40" s="22"/>
      <c r="G40" s="21" t="s">
        <v>76</v>
      </c>
      <c r="H40" s="20"/>
      <c r="I40" s="16">
        <v>2097</v>
      </c>
      <c r="J40" s="22">
        <v>902</v>
      </c>
      <c r="K40" s="22">
        <v>1195</v>
      </c>
    </row>
    <row r="41" spans="1:11" ht="20.100000000000001" customHeight="1">
      <c r="A41" s="20" t="s">
        <v>77</v>
      </c>
      <c r="B41" s="20"/>
      <c r="C41" s="16">
        <v>12531</v>
      </c>
      <c r="D41" s="17">
        <v>6089</v>
      </c>
      <c r="E41" s="17">
        <v>6442</v>
      </c>
      <c r="F41" s="17"/>
      <c r="G41" s="21" t="s">
        <v>78</v>
      </c>
      <c r="H41" s="20"/>
      <c r="I41" s="16">
        <v>8022</v>
      </c>
      <c r="J41" s="17">
        <v>3399</v>
      </c>
      <c r="K41" s="17">
        <v>4623</v>
      </c>
    </row>
    <row r="42" spans="1:11" ht="15" customHeight="1">
      <c r="A42" s="20" t="s">
        <v>79</v>
      </c>
      <c r="B42" s="20"/>
      <c r="C42" s="16">
        <v>2351</v>
      </c>
      <c r="D42" s="22">
        <v>1087</v>
      </c>
      <c r="E42" s="22">
        <v>1264</v>
      </c>
      <c r="F42" s="22"/>
      <c r="G42" s="21" t="s">
        <v>80</v>
      </c>
      <c r="H42" s="20"/>
      <c r="I42" s="16">
        <v>1925</v>
      </c>
      <c r="J42" s="22">
        <v>826</v>
      </c>
      <c r="K42" s="22">
        <v>1099</v>
      </c>
    </row>
    <row r="43" spans="1:11" ht="15" customHeight="1">
      <c r="A43" s="20" t="s">
        <v>81</v>
      </c>
      <c r="B43" s="20"/>
      <c r="C43" s="16">
        <v>2524</v>
      </c>
      <c r="D43" s="22">
        <v>1246</v>
      </c>
      <c r="E43" s="22">
        <v>1278</v>
      </c>
      <c r="F43" s="22"/>
      <c r="G43" s="21" t="s">
        <v>82</v>
      </c>
      <c r="H43" s="20"/>
      <c r="I43" s="16">
        <v>1840</v>
      </c>
      <c r="J43" s="22">
        <v>788</v>
      </c>
      <c r="K43" s="22">
        <v>1052</v>
      </c>
    </row>
    <row r="44" spans="1:11" ht="15" customHeight="1">
      <c r="A44" s="20" t="s">
        <v>83</v>
      </c>
      <c r="B44" s="20"/>
      <c r="C44" s="16">
        <v>2487</v>
      </c>
      <c r="D44" s="22">
        <v>1219</v>
      </c>
      <c r="E44" s="22">
        <v>1268</v>
      </c>
      <c r="F44" s="22"/>
      <c r="G44" s="21" t="s">
        <v>84</v>
      </c>
      <c r="H44" s="20"/>
      <c r="I44" s="16">
        <v>1629</v>
      </c>
      <c r="J44" s="22">
        <v>687</v>
      </c>
      <c r="K44" s="22">
        <v>942</v>
      </c>
    </row>
    <row r="45" spans="1:11" ht="15" customHeight="1">
      <c r="A45" s="20" t="s">
        <v>85</v>
      </c>
      <c r="B45" s="20"/>
      <c r="C45" s="16">
        <v>2559</v>
      </c>
      <c r="D45" s="22">
        <v>1276</v>
      </c>
      <c r="E45" s="22">
        <v>1283</v>
      </c>
      <c r="F45" s="22"/>
      <c r="G45" s="21" t="s">
        <v>86</v>
      </c>
      <c r="H45" s="20"/>
      <c r="I45" s="16">
        <v>1355</v>
      </c>
      <c r="J45" s="22">
        <v>580</v>
      </c>
      <c r="K45" s="22">
        <v>775</v>
      </c>
    </row>
    <row r="46" spans="1:11" ht="15" customHeight="1">
      <c r="A46" s="20" t="s">
        <v>87</v>
      </c>
      <c r="B46" s="20"/>
      <c r="C46" s="16">
        <v>2610</v>
      </c>
      <c r="D46" s="22">
        <v>1261</v>
      </c>
      <c r="E46" s="22">
        <v>1349</v>
      </c>
      <c r="F46" s="22"/>
      <c r="G46" s="21" t="s">
        <v>88</v>
      </c>
      <c r="H46" s="20"/>
      <c r="I46" s="16">
        <v>1273</v>
      </c>
      <c r="J46" s="22">
        <v>518</v>
      </c>
      <c r="K46" s="22">
        <v>755</v>
      </c>
    </row>
    <row r="47" spans="1:11" ht="20.100000000000001" customHeight="1">
      <c r="A47" s="20" t="s">
        <v>89</v>
      </c>
      <c r="B47" s="20"/>
      <c r="C47" s="16">
        <v>14512</v>
      </c>
      <c r="D47" s="17">
        <v>7176</v>
      </c>
      <c r="E47" s="17">
        <v>7336</v>
      </c>
      <c r="F47" s="17"/>
      <c r="G47" s="21" t="s">
        <v>90</v>
      </c>
      <c r="H47" s="20"/>
      <c r="I47" s="16">
        <v>5049</v>
      </c>
      <c r="J47" s="17">
        <v>1946</v>
      </c>
      <c r="K47" s="17">
        <v>3103</v>
      </c>
    </row>
    <row r="48" spans="1:11" ht="15" customHeight="1">
      <c r="A48" s="20" t="s">
        <v>91</v>
      </c>
      <c r="B48" s="20"/>
      <c r="C48" s="16">
        <v>2665</v>
      </c>
      <c r="D48" s="22">
        <v>1298</v>
      </c>
      <c r="E48" s="22">
        <v>1367</v>
      </c>
      <c r="F48" s="22"/>
      <c r="G48" s="21" t="s">
        <v>92</v>
      </c>
      <c r="H48" s="20"/>
      <c r="I48" s="16">
        <v>1275</v>
      </c>
      <c r="J48" s="22">
        <v>520</v>
      </c>
      <c r="K48" s="22">
        <v>755</v>
      </c>
    </row>
    <row r="49" spans="1:11" ht="15" customHeight="1">
      <c r="A49" s="20" t="s">
        <v>93</v>
      </c>
      <c r="B49" s="20"/>
      <c r="C49" s="16">
        <v>2704</v>
      </c>
      <c r="D49" s="22">
        <v>1362</v>
      </c>
      <c r="E49" s="22">
        <v>1342</v>
      </c>
      <c r="F49" s="22"/>
      <c r="G49" s="21" t="s">
        <v>94</v>
      </c>
      <c r="H49" s="20"/>
      <c r="I49" s="16">
        <v>1134</v>
      </c>
      <c r="J49" s="22">
        <v>471</v>
      </c>
      <c r="K49" s="22">
        <v>663</v>
      </c>
    </row>
    <row r="50" spans="1:11" ht="15" customHeight="1">
      <c r="A50" s="20" t="s">
        <v>95</v>
      </c>
      <c r="B50" s="20"/>
      <c r="C50" s="16">
        <v>2982</v>
      </c>
      <c r="D50" s="22">
        <v>1450</v>
      </c>
      <c r="E50" s="22">
        <v>1532</v>
      </c>
      <c r="F50" s="22"/>
      <c r="G50" s="21" t="s">
        <v>96</v>
      </c>
      <c r="H50" s="20"/>
      <c r="I50" s="16">
        <v>1045</v>
      </c>
      <c r="J50" s="22">
        <v>378</v>
      </c>
      <c r="K50" s="22">
        <v>667</v>
      </c>
    </row>
    <row r="51" spans="1:11" ht="15" customHeight="1">
      <c r="A51" s="20" t="s">
        <v>97</v>
      </c>
      <c r="B51" s="20"/>
      <c r="C51" s="16">
        <v>2977</v>
      </c>
      <c r="D51" s="22">
        <v>1481</v>
      </c>
      <c r="E51" s="22">
        <v>1496</v>
      </c>
      <c r="F51" s="22"/>
      <c r="G51" s="21" t="s">
        <v>98</v>
      </c>
      <c r="H51" s="20"/>
      <c r="I51" s="16">
        <v>809</v>
      </c>
      <c r="J51" s="22">
        <v>284</v>
      </c>
      <c r="K51" s="22">
        <v>525</v>
      </c>
    </row>
    <row r="52" spans="1:11" ht="15" customHeight="1">
      <c r="A52" s="20" t="s">
        <v>99</v>
      </c>
      <c r="B52" s="20"/>
      <c r="C52" s="16">
        <v>3184</v>
      </c>
      <c r="D52" s="22">
        <v>1585</v>
      </c>
      <c r="E52" s="22">
        <v>1599</v>
      </c>
      <c r="F52" s="22"/>
      <c r="G52" s="21" t="s">
        <v>100</v>
      </c>
      <c r="H52" s="20"/>
      <c r="I52" s="16">
        <v>786</v>
      </c>
      <c r="J52" s="22">
        <v>293</v>
      </c>
      <c r="K52" s="22">
        <v>493</v>
      </c>
    </row>
    <row r="53" spans="1:11" ht="20.100000000000001" customHeight="1">
      <c r="A53" s="20" t="s">
        <v>101</v>
      </c>
      <c r="B53" s="20"/>
      <c r="C53" s="16">
        <v>16523</v>
      </c>
      <c r="D53" s="17">
        <v>8221</v>
      </c>
      <c r="E53" s="17">
        <v>8302</v>
      </c>
      <c r="F53" s="17"/>
      <c r="G53" s="21" t="s">
        <v>102</v>
      </c>
      <c r="H53" s="20"/>
      <c r="I53" s="16">
        <v>2154</v>
      </c>
      <c r="J53" s="17">
        <v>656</v>
      </c>
      <c r="K53" s="17">
        <v>1498</v>
      </c>
    </row>
    <row r="54" spans="1:11" ht="15" customHeight="1">
      <c r="A54" s="20" t="s">
        <v>103</v>
      </c>
      <c r="B54" s="20"/>
      <c r="C54" s="16">
        <v>3031</v>
      </c>
      <c r="D54" s="22">
        <v>1522</v>
      </c>
      <c r="E54" s="22">
        <v>1509</v>
      </c>
      <c r="F54" s="22"/>
      <c r="G54" s="21" t="s">
        <v>104</v>
      </c>
      <c r="H54" s="20"/>
      <c r="I54" s="16">
        <v>641</v>
      </c>
      <c r="J54" s="22">
        <v>214</v>
      </c>
      <c r="K54" s="22">
        <v>427</v>
      </c>
    </row>
    <row r="55" spans="1:11" ht="15" customHeight="1">
      <c r="A55" s="20" t="s">
        <v>105</v>
      </c>
      <c r="B55" s="20"/>
      <c r="C55" s="16">
        <v>3232</v>
      </c>
      <c r="D55" s="22">
        <v>1623</v>
      </c>
      <c r="E55" s="22">
        <v>1609</v>
      </c>
      <c r="F55" s="22"/>
      <c r="G55" s="21" t="s">
        <v>106</v>
      </c>
      <c r="H55" s="20"/>
      <c r="I55" s="16">
        <v>479</v>
      </c>
      <c r="J55" s="22">
        <v>154</v>
      </c>
      <c r="K55" s="22">
        <v>325</v>
      </c>
    </row>
    <row r="56" spans="1:11" ht="15" customHeight="1">
      <c r="A56" s="20" t="s">
        <v>107</v>
      </c>
      <c r="B56" s="20"/>
      <c r="C56" s="16">
        <v>3291</v>
      </c>
      <c r="D56" s="22">
        <v>1624</v>
      </c>
      <c r="E56" s="22">
        <v>1667</v>
      </c>
      <c r="F56" s="22"/>
      <c r="G56" s="21" t="s">
        <v>108</v>
      </c>
      <c r="H56" s="20"/>
      <c r="I56" s="16">
        <v>430</v>
      </c>
      <c r="J56" s="22">
        <v>134</v>
      </c>
      <c r="K56" s="22">
        <v>296</v>
      </c>
    </row>
    <row r="57" spans="1:11" ht="15" customHeight="1">
      <c r="A57" s="20" t="s">
        <v>109</v>
      </c>
      <c r="B57" s="20"/>
      <c r="C57" s="16">
        <v>3421</v>
      </c>
      <c r="D57" s="22">
        <v>1681</v>
      </c>
      <c r="E57" s="22">
        <v>1740</v>
      </c>
      <c r="F57" s="22"/>
      <c r="G57" s="21" t="s">
        <v>110</v>
      </c>
      <c r="H57" s="20"/>
      <c r="I57" s="16">
        <v>328</v>
      </c>
      <c r="J57" s="22">
        <v>89</v>
      </c>
      <c r="K57" s="22">
        <v>239</v>
      </c>
    </row>
    <row r="58" spans="1:11" ht="15" customHeight="1">
      <c r="A58" s="20" t="s">
        <v>111</v>
      </c>
      <c r="B58" s="20"/>
      <c r="C58" s="16">
        <v>3548</v>
      </c>
      <c r="D58" s="22">
        <v>1771</v>
      </c>
      <c r="E58" s="22">
        <v>1777</v>
      </c>
      <c r="F58" s="22"/>
      <c r="G58" s="21" t="s">
        <v>112</v>
      </c>
      <c r="H58" s="20"/>
      <c r="I58" s="16">
        <v>276</v>
      </c>
      <c r="J58" s="22">
        <v>65</v>
      </c>
      <c r="K58" s="22">
        <v>211</v>
      </c>
    </row>
    <row r="59" spans="1:11" ht="20.100000000000001" customHeight="1">
      <c r="A59" s="20" t="s">
        <v>113</v>
      </c>
      <c r="B59" s="20"/>
      <c r="C59" s="16">
        <v>19252</v>
      </c>
      <c r="D59" s="17">
        <v>9559</v>
      </c>
      <c r="E59" s="17">
        <v>9693</v>
      </c>
      <c r="F59" s="17"/>
      <c r="G59" s="21" t="s">
        <v>114</v>
      </c>
      <c r="H59" s="20"/>
      <c r="I59" s="16">
        <v>482</v>
      </c>
      <c r="J59" s="17">
        <v>120</v>
      </c>
      <c r="K59" s="17">
        <v>362</v>
      </c>
    </row>
    <row r="60" spans="1:11" ht="15" customHeight="1">
      <c r="A60" s="20" t="s">
        <v>115</v>
      </c>
      <c r="B60" s="20"/>
      <c r="C60" s="16">
        <v>3608</v>
      </c>
      <c r="D60" s="22">
        <v>1757</v>
      </c>
      <c r="E60" s="22">
        <v>1851</v>
      </c>
      <c r="F60" s="22"/>
      <c r="G60" s="21" t="s">
        <v>116</v>
      </c>
      <c r="H60" s="20"/>
      <c r="I60" s="16">
        <v>170</v>
      </c>
      <c r="J60" s="22">
        <v>45</v>
      </c>
      <c r="K60" s="22">
        <v>125</v>
      </c>
    </row>
    <row r="61" spans="1:11" ht="15" customHeight="1">
      <c r="A61" s="20" t="s">
        <v>117</v>
      </c>
      <c r="B61" s="20"/>
      <c r="C61" s="16">
        <v>3786</v>
      </c>
      <c r="D61" s="22">
        <v>1901</v>
      </c>
      <c r="E61" s="22">
        <v>1885</v>
      </c>
      <c r="F61" s="22"/>
      <c r="G61" s="21" t="s">
        <v>118</v>
      </c>
      <c r="H61" s="20"/>
      <c r="I61" s="16">
        <v>115</v>
      </c>
      <c r="J61" s="22">
        <v>31</v>
      </c>
      <c r="K61" s="22">
        <v>84</v>
      </c>
    </row>
    <row r="62" spans="1:11" ht="15" customHeight="1">
      <c r="A62" s="20" t="s">
        <v>119</v>
      </c>
      <c r="B62" s="20"/>
      <c r="C62" s="16">
        <v>3656</v>
      </c>
      <c r="D62" s="22">
        <v>1844</v>
      </c>
      <c r="E62" s="22">
        <v>1812</v>
      </c>
      <c r="F62" s="22"/>
      <c r="G62" s="21" t="s">
        <v>120</v>
      </c>
      <c r="H62" s="20"/>
      <c r="I62" s="16">
        <v>113</v>
      </c>
      <c r="J62" s="22">
        <v>23</v>
      </c>
      <c r="K62" s="22">
        <v>90</v>
      </c>
    </row>
    <row r="63" spans="1:11" ht="15" customHeight="1">
      <c r="A63" s="20" t="s">
        <v>121</v>
      </c>
      <c r="B63" s="20"/>
      <c r="C63" s="16">
        <v>4099</v>
      </c>
      <c r="D63" s="22">
        <v>2049</v>
      </c>
      <c r="E63" s="22">
        <v>2050</v>
      </c>
      <c r="F63" s="22"/>
      <c r="G63" s="21" t="s">
        <v>122</v>
      </c>
      <c r="H63" s="20"/>
      <c r="I63" s="16">
        <v>44</v>
      </c>
      <c r="J63" s="22">
        <v>11</v>
      </c>
      <c r="K63" s="22">
        <v>33</v>
      </c>
    </row>
    <row r="64" spans="1:11" ht="15" customHeight="1">
      <c r="A64" s="20" t="s">
        <v>123</v>
      </c>
      <c r="B64" s="20"/>
      <c r="C64" s="16">
        <v>4103</v>
      </c>
      <c r="D64" s="22">
        <v>2008</v>
      </c>
      <c r="E64" s="22">
        <v>2095</v>
      </c>
      <c r="F64" s="22"/>
      <c r="G64" s="21" t="s">
        <v>124</v>
      </c>
      <c r="H64" s="20"/>
      <c r="I64" s="16">
        <v>40</v>
      </c>
      <c r="J64" s="22">
        <v>10</v>
      </c>
      <c r="K64" s="22">
        <v>30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96</v>
      </c>
      <c r="J65" s="22">
        <v>14</v>
      </c>
      <c r="K65" s="22">
        <v>82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6597</v>
      </c>
      <c r="J66" s="32">
        <v>2545</v>
      </c>
      <c r="K66" s="32">
        <v>4052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6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84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80805</v>
      </c>
      <c r="D4" s="17">
        <v>87277</v>
      </c>
      <c r="E4" s="17">
        <v>93528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6174</v>
      </c>
      <c r="D5" s="17">
        <v>3220</v>
      </c>
      <c r="E5" s="17">
        <v>2954</v>
      </c>
      <c r="F5" s="17"/>
      <c r="G5" s="21" t="s">
        <v>6</v>
      </c>
      <c r="H5" s="20"/>
      <c r="I5" s="16">
        <v>15191</v>
      </c>
      <c r="J5" s="17">
        <v>7377</v>
      </c>
      <c r="K5" s="17">
        <v>7814</v>
      </c>
    </row>
    <row r="6" spans="1:11" ht="15" customHeight="1">
      <c r="A6" s="20" t="s">
        <v>7</v>
      </c>
      <c r="B6" s="20"/>
      <c r="C6" s="16">
        <v>1095</v>
      </c>
      <c r="D6" s="22">
        <v>589</v>
      </c>
      <c r="E6" s="22">
        <v>506</v>
      </c>
      <c r="F6" s="22"/>
      <c r="G6" s="21" t="s">
        <v>8</v>
      </c>
      <c r="H6" s="20"/>
      <c r="I6" s="16">
        <v>3127</v>
      </c>
      <c r="J6" s="22">
        <v>1481</v>
      </c>
      <c r="K6" s="22">
        <v>1646</v>
      </c>
    </row>
    <row r="7" spans="1:11" ht="15" customHeight="1">
      <c r="A7" s="20" t="s">
        <v>9</v>
      </c>
      <c r="B7" s="20"/>
      <c r="C7" s="16">
        <v>1241</v>
      </c>
      <c r="D7" s="22">
        <v>656</v>
      </c>
      <c r="E7" s="22">
        <v>585</v>
      </c>
      <c r="F7" s="22"/>
      <c r="G7" s="21" t="s">
        <v>10</v>
      </c>
      <c r="H7" s="20"/>
      <c r="I7" s="16">
        <v>3037</v>
      </c>
      <c r="J7" s="22">
        <v>1458</v>
      </c>
      <c r="K7" s="22">
        <v>1579</v>
      </c>
    </row>
    <row r="8" spans="1:11" ht="15" customHeight="1">
      <c r="A8" s="20" t="s">
        <v>11</v>
      </c>
      <c r="B8" s="20"/>
      <c r="C8" s="16">
        <v>1146</v>
      </c>
      <c r="D8" s="22">
        <v>575</v>
      </c>
      <c r="E8" s="22">
        <v>571</v>
      </c>
      <c r="F8" s="22"/>
      <c r="G8" s="21" t="s">
        <v>12</v>
      </c>
      <c r="H8" s="20"/>
      <c r="I8" s="16">
        <v>3019</v>
      </c>
      <c r="J8" s="22">
        <v>1454</v>
      </c>
      <c r="K8" s="22">
        <v>1565</v>
      </c>
    </row>
    <row r="9" spans="1:11" ht="15" customHeight="1">
      <c r="A9" s="20" t="s">
        <v>13</v>
      </c>
      <c r="B9" s="20"/>
      <c r="C9" s="16">
        <v>1324</v>
      </c>
      <c r="D9" s="22">
        <v>733</v>
      </c>
      <c r="E9" s="22">
        <v>591</v>
      </c>
      <c r="F9" s="22"/>
      <c r="G9" s="21" t="s">
        <v>14</v>
      </c>
      <c r="H9" s="20"/>
      <c r="I9" s="16">
        <v>3058</v>
      </c>
      <c r="J9" s="22">
        <v>1508</v>
      </c>
      <c r="K9" s="22">
        <v>1550</v>
      </c>
    </row>
    <row r="10" spans="1:11" ht="15" customHeight="1">
      <c r="A10" s="20" t="s">
        <v>15</v>
      </c>
      <c r="B10" s="20"/>
      <c r="C10" s="16">
        <v>1368</v>
      </c>
      <c r="D10" s="22">
        <v>667</v>
      </c>
      <c r="E10" s="22">
        <v>701</v>
      </c>
      <c r="F10" s="22"/>
      <c r="G10" s="21" t="s">
        <v>16</v>
      </c>
      <c r="H10" s="20"/>
      <c r="I10" s="16">
        <v>2950</v>
      </c>
      <c r="J10" s="22">
        <v>1476</v>
      </c>
      <c r="K10" s="22">
        <v>1474</v>
      </c>
    </row>
    <row r="11" spans="1:11" ht="20.100000000000001" customHeight="1">
      <c r="A11" s="20" t="s">
        <v>17</v>
      </c>
      <c r="B11" s="20"/>
      <c r="C11" s="16">
        <v>7528</v>
      </c>
      <c r="D11" s="17">
        <v>3903</v>
      </c>
      <c r="E11" s="17">
        <v>3625</v>
      </c>
      <c r="F11" s="17"/>
      <c r="G11" s="21" t="s">
        <v>18</v>
      </c>
      <c r="H11" s="20"/>
      <c r="I11" s="16">
        <v>12932</v>
      </c>
      <c r="J11" s="17">
        <v>6483</v>
      </c>
      <c r="K11" s="17">
        <v>6449</v>
      </c>
    </row>
    <row r="12" spans="1:11" ht="15" customHeight="1">
      <c r="A12" s="20" t="s">
        <v>19</v>
      </c>
      <c r="B12" s="20"/>
      <c r="C12" s="16">
        <v>1354</v>
      </c>
      <c r="D12" s="22">
        <v>706</v>
      </c>
      <c r="E12" s="22">
        <v>648</v>
      </c>
      <c r="F12" s="22"/>
      <c r="G12" s="21" t="s">
        <v>20</v>
      </c>
      <c r="H12" s="20"/>
      <c r="I12" s="16">
        <v>3035</v>
      </c>
      <c r="J12" s="22">
        <v>1487</v>
      </c>
      <c r="K12" s="22">
        <v>1548</v>
      </c>
    </row>
    <row r="13" spans="1:11" ht="15" customHeight="1">
      <c r="A13" s="20" t="s">
        <v>21</v>
      </c>
      <c r="B13" s="20"/>
      <c r="C13" s="16">
        <v>1499</v>
      </c>
      <c r="D13" s="22">
        <v>763</v>
      </c>
      <c r="E13" s="22">
        <v>736</v>
      </c>
      <c r="F13" s="22"/>
      <c r="G13" s="21" t="s">
        <v>22</v>
      </c>
      <c r="H13" s="20"/>
      <c r="I13" s="16">
        <v>2193</v>
      </c>
      <c r="J13" s="22">
        <v>1095</v>
      </c>
      <c r="K13" s="22">
        <v>1098</v>
      </c>
    </row>
    <row r="14" spans="1:11" ht="15" customHeight="1">
      <c r="A14" s="20" t="s">
        <v>23</v>
      </c>
      <c r="B14" s="20"/>
      <c r="C14" s="16">
        <v>1535</v>
      </c>
      <c r="D14" s="22">
        <v>777</v>
      </c>
      <c r="E14" s="22">
        <v>758</v>
      </c>
      <c r="F14" s="22"/>
      <c r="G14" s="21" t="s">
        <v>24</v>
      </c>
      <c r="H14" s="20"/>
      <c r="I14" s="16">
        <v>2781</v>
      </c>
      <c r="J14" s="22">
        <v>1422</v>
      </c>
      <c r="K14" s="22">
        <v>1359</v>
      </c>
    </row>
    <row r="15" spans="1:11" ht="15" customHeight="1">
      <c r="A15" s="20" t="s">
        <v>25</v>
      </c>
      <c r="B15" s="20"/>
      <c r="C15" s="16">
        <v>1584</v>
      </c>
      <c r="D15" s="22">
        <v>822</v>
      </c>
      <c r="E15" s="22">
        <v>762</v>
      </c>
      <c r="F15" s="22"/>
      <c r="G15" s="21" t="s">
        <v>26</v>
      </c>
      <c r="H15" s="20"/>
      <c r="I15" s="16">
        <v>2531</v>
      </c>
      <c r="J15" s="22">
        <v>1282</v>
      </c>
      <c r="K15" s="22">
        <v>1249</v>
      </c>
    </row>
    <row r="16" spans="1:11" ht="15" customHeight="1">
      <c r="A16" s="20" t="s">
        <v>27</v>
      </c>
      <c r="B16" s="20"/>
      <c r="C16" s="16">
        <v>1556</v>
      </c>
      <c r="D16" s="22">
        <v>835</v>
      </c>
      <c r="E16" s="22">
        <v>721</v>
      </c>
      <c r="F16" s="22"/>
      <c r="G16" s="21" t="s">
        <v>28</v>
      </c>
      <c r="H16" s="20"/>
      <c r="I16" s="16">
        <v>2392</v>
      </c>
      <c r="J16" s="22">
        <v>1197</v>
      </c>
      <c r="K16" s="22">
        <v>1195</v>
      </c>
    </row>
    <row r="17" spans="1:11" ht="20.100000000000001" customHeight="1">
      <c r="A17" s="24" t="s">
        <v>29</v>
      </c>
      <c r="B17" s="24"/>
      <c r="C17" s="16">
        <v>8265</v>
      </c>
      <c r="D17" s="17">
        <v>4207</v>
      </c>
      <c r="E17" s="17">
        <v>4058</v>
      </c>
      <c r="F17" s="17"/>
      <c r="G17" s="21" t="s">
        <v>30</v>
      </c>
      <c r="H17" s="20"/>
      <c r="I17" s="16">
        <v>10155</v>
      </c>
      <c r="J17" s="17">
        <v>5064</v>
      </c>
      <c r="K17" s="17">
        <v>5091</v>
      </c>
    </row>
    <row r="18" spans="1:11" ht="15" customHeight="1">
      <c r="A18" s="20" t="s">
        <v>31</v>
      </c>
      <c r="B18" s="20"/>
      <c r="C18" s="16">
        <v>1595</v>
      </c>
      <c r="D18" s="22">
        <v>799</v>
      </c>
      <c r="E18" s="22">
        <v>796</v>
      </c>
      <c r="F18" s="22"/>
      <c r="G18" s="21" t="s">
        <v>32</v>
      </c>
      <c r="H18" s="20"/>
      <c r="I18" s="16">
        <v>2188</v>
      </c>
      <c r="J18" s="22">
        <v>1118</v>
      </c>
      <c r="K18" s="22">
        <v>1070</v>
      </c>
    </row>
    <row r="19" spans="1:11" ht="15" customHeight="1">
      <c r="A19" s="20" t="s">
        <v>33</v>
      </c>
      <c r="B19" s="20"/>
      <c r="C19" s="16">
        <v>1667</v>
      </c>
      <c r="D19" s="22">
        <v>870</v>
      </c>
      <c r="E19" s="22">
        <v>797</v>
      </c>
      <c r="F19" s="22"/>
      <c r="G19" s="21" t="s">
        <v>34</v>
      </c>
      <c r="H19" s="20"/>
      <c r="I19" s="16">
        <v>2052</v>
      </c>
      <c r="J19" s="22">
        <v>1013</v>
      </c>
      <c r="K19" s="22">
        <v>1039</v>
      </c>
    </row>
    <row r="20" spans="1:11" ht="15" customHeight="1">
      <c r="A20" s="20" t="s">
        <v>35</v>
      </c>
      <c r="B20" s="20"/>
      <c r="C20" s="16">
        <v>1678</v>
      </c>
      <c r="D20" s="22">
        <v>859</v>
      </c>
      <c r="E20" s="22">
        <v>819</v>
      </c>
      <c r="F20" s="22"/>
      <c r="G20" s="21" t="s">
        <v>36</v>
      </c>
      <c r="H20" s="20"/>
      <c r="I20" s="16">
        <v>1997</v>
      </c>
      <c r="J20" s="22">
        <v>992</v>
      </c>
      <c r="K20" s="22">
        <v>1005</v>
      </c>
    </row>
    <row r="21" spans="1:11" ht="15" customHeight="1">
      <c r="A21" s="20" t="s">
        <v>37</v>
      </c>
      <c r="B21" s="20"/>
      <c r="C21" s="16">
        <v>1694</v>
      </c>
      <c r="D21" s="22">
        <v>876</v>
      </c>
      <c r="E21" s="22">
        <v>818</v>
      </c>
      <c r="F21" s="22"/>
      <c r="G21" s="21" t="s">
        <v>38</v>
      </c>
      <c r="H21" s="20"/>
      <c r="I21" s="16">
        <v>1991</v>
      </c>
      <c r="J21" s="22">
        <v>970</v>
      </c>
      <c r="K21" s="22">
        <v>1021</v>
      </c>
    </row>
    <row r="22" spans="1:11" ht="15" customHeight="1">
      <c r="A22" s="20" t="s">
        <v>39</v>
      </c>
      <c r="B22" s="20"/>
      <c r="C22" s="16">
        <v>1631</v>
      </c>
      <c r="D22" s="22">
        <v>803</v>
      </c>
      <c r="E22" s="22">
        <v>828</v>
      </c>
      <c r="F22" s="22"/>
      <c r="G22" s="21" t="s">
        <v>40</v>
      </c>
      <c r="H22" s="20"/>
      <c r="I22" s="16">
        <v>1927</v>
      </c>
      <c r="J22" s="22">
        <v>971</v>
      </c>
      <c r="K22" s="22">
        <v>956</v>
      </c>
    </row>
    <row r="23" spans="1:11" ht="20.100000000000001" customHeight="1">
      <c r="A23" s="20" t="s">
        <v>41</v>
      </c>
      <c r="B23" s="20"/>
      <c r="C23" s="16">
        <v>8308</v>
      </c>
      <c r="D23" s="17">
        <v>4168</v>
      </c>
      <c r="E23" s="17">
        <v>4140</v>
      </c>
      <c r="F23" s="17"/>
      <c r="G23" s="21" t="s">
        <v>42</v>
      </c>
      <c r="H23" s="20"/>
      <c r="I23" s="16">
        <v>8653</v>
      </c>
      <c r="J23" s="17">
        <v>4163</v>
      </c>
      <c r="K23" s="17">
        <v>4490</v>
      </c>
    </row>
    <row r="24" spans="1:11" ht="15" customHeight="1">
      <c r="A24" s="20" t="s">
        <v>43</v>
      </c>
      <c r="B24" s="20"/>
      <c r="C24" s="16">
        <v>1644</v>
      </c>
      <c r="D24" s="22">
        <v>844</v>
      </c>
      <c r="E24" s="22">
        <v>800</v>
      </c>
      <c r="F24" s="22"/>
      <c r="G24" s="21" t="s">
        <v>44</v>
      </c>
      <c r="H24" s="20"/>
      <c r="I24" s="16">
        <v>1746</v>
      </c>
      <c r="J24" s="22">
        <v>833</v>
      </c>
      <c r="K24" s="22">
        <v>913</v>
      </c>
    </row>
    <row r="25" spans="1:11" ht="15" customHeight="1">
      <c r="A25" s="20" t="s">
        <v>45</v>
      </c>
      <c r="B25" s="20"/>
      <c r="C25" s="16">
        <v>1679</v>
      </c>
      <c r="D25" s="22">
        <v>838</v>
      </c>
      <c r="E25" s="22">
        <v>841</v>
      </c>
      <c r="F25" s="22"/>
      <c r="G25" s="21" t="s">
        <v>46</v>
      </c>
      <c r="H25" s="20"/>
      <c r="I25" s="16">
        <v>1822</v>
      </c>
      <c r="J25" s="22">
        <v>904</v>
      </c>
      <c r="K25" s="22">
        <v>918</v>
      </c>
    </row>
    <row r="26" spans="1:11" ht="15" customHeight="1">
      <c r="A26" s="20" t="s">
        <v>47</v>
      </c>
      <c r="B26" s="20"/>
      <c r="C26" s="16">
        <v>1554</v>
      </c>
      <c r="D26" s="22">
        <v>816</v>
      </c>
      <c r="E26" s="22">
        <v>738</v>
      </c>
      <c r="F26" s="22"/>
      <c r="G26" s="21" t="s">
        <v>48</v>
      </c>
      <c r="H26" s="20"/>
      <c r="I26" s="16">
        <v>1725</v>
      </c>
      <c r="J26" s="22">
        <v>810</v>
      </c>
      <c r="K26" s="22">
        <v>915</v>
      </c>
    </row>
    <row r="27" spans="1:11" ht="15" customHeight="1">
      <c r="A27" s="20" t="s">
        <v>49</v>
      </c>
      <c r="B27" s="20"/>
      <c r="C27" s="16">
        <v>1640</v>
      </c>
      <c r="D27" s="22">
        <v>808</v>
      </c>
      <c r="E27" s="22">
        <v>832</v>
      </c>
      <c r="F27" s="22"/>
      <c r="G27" s="21" t="s">
        <v>50</v>
      </c>
      <c r="H27" s="20"/>
      <c r="I27" s="16">
        <v>1659</v>
      </c>
      <c r="J27" s="22">
        <v>814</v>
      </c>
      <c r="K27" s="22">
        <v>845</v>
      </c>
    </row>
    <row r="28" spans="1:11" ht="15" customHeight="1">
      <c r="A28" s="20" t="s">
        <v>51</v>
      </c>
      <c r="B28" s="20"/>
      <c r="C28" s="16">
        <v>1791</v>
      </c>
      <c r="D28" s="22">
        <v>862</v>
      </c>
      <c r="E28" s="22">
        <v>929</v>
      </c>
      <c r="F28" s="22"/>
      <c r="G28" s="21" t="s">
        <v>52</v>
      </c>
      <c r="H28" s="20"/>
      <c r="I28" s="16">
        <v>1701</v>
      </c>
      <c r="J28" s="22">
        <v>802</v>
      </c>
      <c r="K28" s="22">
        <v>899</v>
      </c>
    </row>
    <row r="29" spans="1:11" ht="20.100000000000001" customHeight="1">
      <c r="A29" s="20" t="s">
        <v>53</v>
      </c>
      <c r="B29" s="20"/>
      <c r="C29" s="16">
        <v>10815</v>
      </c>
      <c r="D29" s="17">
        <v>5000</v>
      </c>
      <c r="E29" s="17">
        <v>5815</v>
      </c>
      <c r="F29" s="17"/>
      <c r="G29" s="21" t="s">
        <v>54</v>
      </c>
      <c r="H29" s="20"/>
      <c r="I29" s="16">
        <v>10339</v>
      </c>
      <c r="J29" s="17">
        <v>4762</v>
      </c>
      <c r="K29" s="17">
        <v>5577</v>
      </c>
    </row>
    <row r="30" spans="1:11" ht="15" customHeight="1">
      <c r="A30" s="20" t="s">
        <v>55</v>
      </c>
      <c r="B30" s="20"/>
      <c r="C30" s="16">
        <v>1904</v>
      </c>
      <c r="D30" s="22">
        <v>899</v>
      </c>
      <c r="E30" s="22">
        <v>1005</v>
      </c>
      <c r="F30" s="22"/>
      <c r="G30" s="21" t="s">
        <v>56</v>
      </c>
      <c r="H30" s="20"/>
      <c r="I30" s="16">
        <v>1861</v>
      </c>
      <c r="J30" s="22">
        <v>880</v>
      </c>
      <c r="K30" s="22">
        <v>981</v>
      </c>
    </row>
    <row r="31" spans="1:11" ht="15" customHeight="1">
      <c r="A31" s="20" t="s">
        <v>57</v>
      </c>
      <c r="B31" s="20"/>
      <c r="C31" s="16">
        <v>2152</v>
      </c>
      <c r="D31" s="22">
        <v>1017</v>
      </c>
      <c r="E31" s="22">
        <v>1135</v>
      </c>
      <c r="F31" s="22"/>
      <c r="G31" s="21" t="s">
        <v>58</v>
      </c>
      <c r="H31" s="20"/>
      <c r="I31" s="16">
        <v>1815</v>
      </c>
      <c r="J31" s="22">
        <v>824</v>
      </c>
      <c r="K31" s="22">
        <v>991</v>
      </c>
    </row>
    <row r="32" spans="1:11" ht="15" customHeight="1">
      <c r="A32" s="20" t="s">
        <v>59</v>
      </c>
      <c r="B32" s="20"/>
      <c r="C32" s="16">
        <v>2257</v>
      </c>
      <c r="D32" s="22">
        <v>1068</v>
      </c>
      <c r="E32" s="22">
        <v>1189</v>
      </c>
      <c r="F32" s="22"/>
      <c r="G32" s="21" t="s">
        <v>60</v>
      </c>
      <c r="H32" s="20"/>
      <c r="I32" s="16">
        <v>1977</v>
      </c>
      <c r="J32" s="22">
        <v>894</v>
      </c>
      <c r="K32" s="22">
        <v>1083</v>
      </c>
    </row>
    <row r="33" spans="1:11" ht="15" customHeight="1">
      <c r="A33" s="20" t="s">
        <v>61</v>
      </c>
      <c r="B33" s="20"/>
      <c r="C33" s="16">
        <v>2248</v>
      </c>
      <c r="D33" s="22">
        <v>970</v>
      </c>
      <c r="E33" s="22">
        <v>1278</v>
      </c>
      <c r="F33" s="22"/>
      <c r="G33" s="21" t="s">
        <v>62</v>
      </c>
      <c r="H33" s="20"/>
      <c r="I33" s="16">
        <v>2309</v>
      </c>
      <c r="J33" s="22">
        <v>1032</v>
      </c>
      <c r="K33" s="22">
        <v>1277</v>
      </c>
    </row>
    <row r="34" spans="1:11" ht="15" customHeight="1">
      <c r="A34" s="20" t="s">
        <v>63</v>
      </c>
      <c r="B34" s="20"/>
      <c r="C34" s="16">
        <v>2254</v>
      </c>
      <c r="D34" s="22">
        <v>1046</v>
      </c>
      <c r="E34" s="22">
        <v>1208</v>
      </c>
      <c r="F34" s="22"/>
      <c r="G34" s="21" t="s">
        <v>64</v>
      </c>
      <c r="H34" s="20"/>
      <c r="I34" s="16">
        <v>2377</v>
      </c>
      <c r="J34" s="22">
        <v>1132</v>
      </c>
      <c r="K34" s="22">
        <v>1245</v>
      </c>
    </row>
    <row r="35" spans="1:11" ht="20.100000000000001" customHeight="1">
      <c r="A35" s="20" t="s">
        <v>65</v>
      </c>
      <c r="B35" s="20"/>
      <c r="C35" s="16">
        <v>9402</v>
      </c>
      <c r="D35" s="17">
        <v>4485</v>
      </c>
      <c r="E35" s="17">
        <v>4917</v>
      </c>
      <c r="F35" s="17"/>
      <c r="G35" s="21" t="s">
        <v>66</v>
      </c>
      <c r="H35" s="20"/>
      <c r="I35" s="16">
        <v>8738</v>
      </c>
      <c r="J35" s="17">
        <v>3919</v>
      </c>
      <c r="K35" s="17">
        <v>4819</v>
      </c>
    </row>
    <row r="36" spans="1:11" ht="15" customHeight="1">
      <c r="A36" s="20" t="s">
        <v>67</v>
      </c>
      <c r="B36" s="20"/>
      <c r="C36" s="16">
        <v>1953</v>
      </c>
      <c r="D36" s="22">
        <v>920</v>
      </c>
      <c r="E36" s="22">
        <v>1033</v>
      </c>
      <c r="F36" s="22"/>
      <c r="G36" s="21" t="s">
        <v>68</v>
      </c>
      <c r="H36" s="20"/>
      <c r="I36" s="16">
        <v>2257</v>
      </c>
      <c r="J36" s="22">
        <v>1018</v>
      </c>
      <c r="K36" s="22">
        <v>1239</v>
      </c>
    </row>
    <row r="37" spans="1:11" ht="15" customHeight="1">
      <c r="A37" s="20" t="s">
        <v>69</v>
      </c>
      <c r="B37" s="20"/>
      <c r="C37" s="16">
        <v>1912</v>
      </c>
      <c r="D37" s="22">
        <v>911</v>
      </c>
      <c r="E37" s="22">
        <v>1001</v>
      </c>
      <c r="F37" s="22"/>
      <c r="G37" s="21" t="s">
        <v>70</v>
      </c>
      <c r="H37" s="20"/>
      <c r="I37" s="16">
        <v>1629</v>
      </c>
      <c r="J37" s="22">
        <v>735</v>
      </c>
      <c r="K37" s="22">
        <v>894</v>
      </c>
    </row>
    <row r="38" spans="1:11" ht="15" customHeight="1">
      <c r="A38" s="20" t="s">
        <v>71</v>
      </c>
      <c r="B38" s="20"/>
      <c r="C38" s="16">
        <v>1847</v>
      </c>
      <c r="D38" s="22">
        <v>879</v>
      </c>
      <c r="E38" s="22">
        <v>968</v>
      </c>
      <c r="F38" s="22"/>
      <c r="G38" s="21" t="s">
        <v>72</v>
      </c>
      <c r="H38" s="20"/>
      <c r="I38" s="16">
        <v>1398</v>
      </c>
      <c r="J38" s="22">
        <v>619</v>
      </c>
      <c r="K38" s="22">
        <v>779</v>
      </c>
    </row>
    <row r="39" spans="1:11" ht="15" customHeight="1">
      <c r="A39" s="20" t="s">
        <v>73</v>
      </c>
      <c r="B39" s="20"/>
      <c r="C39" s="16">
        <v>1912</v>
      </c>
      <c r="D39" s="22">
        <v>908</v>
      </c>
      <c r="E39" s="22">
        <v>1004</v>
      </c>
      <c r="F39" s="22"/>
      <c r="G39" s="21" t="s">
        <v>74</v>
      </c>
      <c r="H39" s="20"/>
      <c r="I39" s="16">
        <v>1695</v>
      </c>
      <c r="J39" s="22">
        <v>752</v>
      </c>
      <c r="K39" s="22">
        <v>943</v>
      </c>
    </row>
    <row r="40" spans="1:11" ht="15" customHeight="1">
      <c r="A40" s="20" t="s">
        <v>75</v>
      </c>
      <c r="B40" s="20"/>
      <c r="C40" s="16">
        <v>1778</v>
      </c>
      <c r="D40" s="22">
        <v>867</v>
      </c>
      <c r="E40" s="22">
        <v>911</v>
      </c>
      <c r="F40" s="22"/>
      <c r="G40" s="21" t="s">
        <v>76</v>
      </c>
      <c r="H40" s="20"/>
      <c r="I40" s="16">
        <v>1759</v>
      </c>
      <c r="J40" s="22">
        <v>795</v>
      </c>
      <c r="K40" s="22">
        <v>964</v>
      </c>
    </row>
    <row r="41" spans="1:11" ht="20.100000000000001" customHeight="1">
      <c r="A41" s="20" t="s">
        <v>77</v>
      </c>
      <c r="B41" s="20"/>
      <c r="C41" s="16">
        <v>8950</v>
      </c>
      <c r="D41" s="17">
        <v>4370</v>
      </c>
      <c r="E41" s="17">
        <v>4580</v>
      </c>
      <c r="F41" s="17"/>
      <c r="G41" s="21" t="s">
        <v>78</v>
      </c>
      <c r="H41" s="20"/>
      <c r="I41" s="16">
        <v>7075</v>
      </c>
      <c r="J41" s="17">
        <v>3107</v>
      </c>
      <c r="K41" s="17">
        <v>3968</v>
      </c>
    </row>
    <row r="42" spans="1:11" ht="15" customHeight="1">
      <c r="A42" s="20" t="s">
        <v>79</v>
      </c>
      <c r="B42" s="20"/>
      <c r="C42" s="16">
        <v>1721</v>
      </c>
      <c r="D42" s="22">
        <v>828</v>
      </c>
      <c r="E42" s="22">
        <v>893</v>
      </c>
      <c r="F42" s="22"/>
      <c r="G42" s="21" t="s">
        <v>80</v>
      </c>
      <c r="H42" s="20"/>
      <c r="I42" s="16">
        <v>1622</v>
      </c>
      <c r="J42" s="22">
        <v>694</v>
      </c>
      <c r="K42" s="22">
        <v>928</v>
      </c>
    </row>
    <row r="43" spans="1:11" ht="15" customHeight="1">
      <c r="A43" s="20" t="s">
        <v>81</v>
      </c>
      <c r="B43" s="20"/>
      <c r="C43" s="16">
        <v>1806</v>
      </c>
      <c r="D43" s="22">
        <v>888</v>
      </c>
      <c r="E43" s="22">
        <v>918</v>
      </c>
      <c r="F43" s="22"/>
      <c r="G43" s="21" t="s">
        <v>82</v>
      </c>
      <c r="H43" s="20"/>
      <c r="I43" s="16">
        <v>1658</v>
      </c>
      <c r="J43" s="22">
        <v>755</v>
      </c>
      <c r="K43" s="22">
        <v>903</v>
      </c>
    </row>
    <row r="44" spans="1:11" ht="15" customHeight="1">
      <c r="A44" s="20" t="s">
        <v>83</v>
      </c>
      <c r="B44" s="20"/>
      <c r="C44" s="16">
        <v>1794</v>
      </c>
      <c r="D44" s="22">
        <v>861</v>
      </c>
      <c r="E44" s="22">
        <v>933</v>
      </c>
      <c r="F44" s="22"/>
      <c r="G44" s="21" t="s">
        <v>84</v>
      </c>
      <c r="H44" s="20"/>
      <c r="I44" s="16">
        <v>1401</v>
      </c>
      <c r="J44" s="22">
        <v>626</v>
      </c>
      <c r="K44" s="22">
        <v>775</v>
      </c>
    </row>
    <row r="45" spans="1:11" ht="15" customHeight="1">
      <c r="A45" s="20" t="s">
        <v>85</v>
      </c>
      <c r="B45" s="20"/>
      <c r="C45" s="16">
        <v>1837</v>
      </c>
      <c r="D45" s="22">
        <v>896</v>
      </c>
      <c r="E45" s="22">
        <v>941</v>
      </c>
      <c r="F45" s="22"/>
      <c r="G45" s="21" t="s">
        <v>86</v>
      </c>
      <c r="H45" s="20"/>
      <c r="I45" s="16">
        <v>1234</v>
      </c>
      <c r="J45" s="22">
        <v>527</v>
      </c>
      <c r="K45" s="22">
        <v>707</v>
      </c>
    </row>
    <row r="46" spans="1:11" ht="15" customHeight="1">
      <c r="A46" s="20" t="s">
        <v>87</v>
      </c>
      <c r="B46" s="20"/>
      <c r="C46" s="16">
        <v>1792</v>
      </c>
      <c r="D46" s="22">
        <v>897</v>
      </c>
      <c r="E46" s="22">
        <v>895</v>
      </c>
      <c r="F46" s="22"/>
      <c r="G46" s="21" t="s">
        <v>88</v>
      </c>
      <c r="H46" s="20"/>
      <c r="I46" s="16">
        <v>1160</v>
      </c>
      <c r="J46" s="22">
        <v>505</v>
      </c>
      <c r="K46" s="22">
        <v>655</v>
      </c>
    </row>
    <row r="47" spans="1:11" ht="20.100000000000001" customHeight="1">
      <c r="A47" s="20" t="s">
        <v>89</v>
      </c>
      <c r="B47" s="20"/>
      <c r="C47" s="16">
        <v>10052</v>
      </c>
      <c r="D47" s="17">
        <v>5029</v>
      </c>
      <c r="E47" s="17">
        <v>5023</v>
      </c>
      <c r="F47" s="17"/>
      <c r="G47" s="21" t="s">
        <v>90</v>
      </c>
      <c r="H47" s="20"/>
      <c r="I47" s="16">
        <v>5009</v>
      </c>
      <c r="J47" s="17">
        <v>1928</v>
      </c>
      <c r="K47" s="17">
        <v>3081</v>
      </c>
    </row>
    <row r="48" spans="1:11" ht="15" customHeight="1">
      <c r="A48" s="20" t="s">
        <v>91</v>
      </c>
      <c r="B48" s="20"/>
      <c r="C48" s="16">
        <v>1823</v>
      </c>
      <c r="D48" s="22">
        <v>921</v>
      </c>
      <c r="E48" s="22">
        <v>902</v>
      </c>
      <c r="F48" s="22"/>
      <c r="G48" s="21" t="s">
        <v>92</v>
      </c>
      <c r="H48" s="20"/>
      <c r="I48" s="16">
        <v>1218</v>
      </c>
      <c r="J48" s="22">
        <v>525</v>
      </c>
      <c r="K48" s="22">
        <v>693</v>
      </c>
    </row>
    <row r="49" spans="1:11" ht="15" customHeight="1">
      <c r="A49" s="20" t="s">
        <v>93</v>
      </c>
      <c r="B49" s="20"/>
      <c r="C49" s="16">
        <v>1937</v>
      </c>
      <c r="D49" s="22">
        <v>992</v>
      </c>
      <c r="E49" s="22">
        <v>945</v>
      </c>
      <c r="F49" s="22"/>
      <c r="G49" s="21" t="s">
        <v>94</v>
      </c>
      <c r="H49" s="20"/>
      <c r="I49" s="16">
        <v>1064</v>
      </c>
      <c r="J49" s="22">
        <v>420</v>
      </c>
      <c r="K49" s="22">
        <v>644</v>
      </c>
    </row>
    <row r="50" spans="1:11" ht="15" customHeight="1">
      <c r="A50" s="20" t="s">
        <v>95</v>
      </c>
      <c r="B50" s="20"/>
      <c r="C50" s="16">
        <v>1963</v>
      </c>
      <c r="D50" s="22">
        <v>974</v>
      </c>
      <c r="E50" s="22">
        <v>989</v>
      </c>
      <c r="F50" s="22"/>
      <c r="G50" s="21" t="s">
        <v>96</v>
      </c>
      <c r="H50" s="20"/>
      <c r="I50" s="16">
        <v>1035</v>
      </c>
      <c r="J50" s="22">
        <v>380</v>
      </c>
      <c r="K50" s="22">
        <v>655</v>
      </c>
    </row>
    <row r="51" spans="1:11" ht="15" customHeight="1">
      <c r="A51" s="20" t="s">
        <v>97</v>
      </c>
      <c r="B51" s="20"/>
      <c r="C51" s="16">
        <v>2124</v>
      </c>
      <c r="D51" s="22">
        <v>1069</v>
      </c>
      <c r="E51" s="22">
        <v>1055</v>
      </c>
      <c r="F51" s="22"/>
      <c r="G51" s="21" t="s">
        <v>98</v>
      </c>
      <c r="H51" s="20"/>
      <c r="I51" s="16">
        <v>839</v>
      </c>
      <c r="J51" s="22">
        <v>296</v>
      </c>
      <c r="K51" s="22">
        <v>543</v>
      </c>
    </row>
    <row r="52" spans="1:11" ht="15" customHeight="1">
      <c r="A52" s="20" t="s">
        <v>99</v>
      </c>
      <c r="B52" s="20"/>
      <c r="C52" s="16">
        <v>2205</v>
      </c>
      <c r="D52" s="22">
        <v>1073</v>
      </c>
      <c r="E52" s="22">
        <v>1132</v>
      </c>
      <c r="F52" s="22"/>
      <c r="G52" s="21" t="s">
        <v>100</v>
      </c>
      <c r="H52" s="20"/>
      <c r="I52" s="16">
        <v>853</v>
      </c>
      <c r="J52" s="22">
        <v>307</v>
      </c>
      <c r="K52" s="22">
        <v>546</v>
      </c>
    </row>
    <row r="53" spans="1:11" ht="20.100000000000001" customHeight="1">
      <c r="A53" s="20" t="s">
        <v>101</v>
      </c>
      <c r="B53" s="20"/>
      <c r="C53" s="16">
        <v>11520</v>
      </c>
      <c r="D53" s="17">
        <v>5729</v>
      </c>
      <c r="E53" s="17">
        <v>5791</v>
      </c>
      <c r="F53" s="17"/>
      <c r="G53" s="21" t="s">
        <v>102</v>
      </c>
      <c r="H53" s="20"/>
      <c r="I53" s="16">
        <v>2750</v>
      </c>
      <c r="J53" s="17">
        <v>821</v>
      </c>
      <c r="K53" s="17">
        <v>1929</v>
      </c>
    </row>
    <row r="54" spans="1:11" ht="15" customHeight="1">
      <c r="A54" s="20" t="s">
        <v>103</v>
      </c>
      <c r="B54" s="20"/>
      <c r="C54" s="16">
        <v>2146</v>
      </c>
      <c r="D54" s="22">
        <v>1075</v>
      </c>
      <c r="E54" s="22">
        <v>1071</v>
      </c>
      <c r="F54" s="22"/>
      <c r="G54" s="21" t="s">
        <v>104</v>
      </c>
      <c r="H54" s="20"/>
      <c r="I54" s="16">
        <v>733</v>
      </c>
      <c r="J54" s="22">
        <v>237</v>
      </c>
      <c r="K54" s="22">
        <v>496</v>
      </c>
    </row>
    <row r="55" spans="1:11" ht="15" customHeight="1">
      <c r="A55" s="20" t="s">
        <v>105</v>
      </c>
      <c r="B55" s="20"/>
      <c r="C55" s="16">
        <v>2192</v>
      </c>
      <c r="D55" s="22">
        <v>1098</v>
      </c>
      <c r="E55" s="22">
        <v>1094</v>
      </c>
      <c r="F55" s="22"/>
      <c r="G55" s="21" t="s">
        <v>106</v>
      </c>
      <c r="H55" s="20"/>
      <c r="I55" s="16">
        <v>671</v>
      </c>
      <c r="J55" s="22">
        <v>218</v>
      </c>
      <c r="K55" s="22">
        <v>453</v>
      </c>
    </row>
    <row r="56" spans="1:11" ht="15" customHeight="1">
      <c r="A56" s="20" t="s">
        <v>107</v>
      </c>
      <c r="B56" s="20"/>
      <c r="C56" s="16">
        <v>2225</v>
      </c>
      <c r="D56" s="22">
        <v>1123</v>
      </c>
      <c r="E56" s="22">
        <v>1102</v>
      </c>
      <c r="F56" s="22"/>
      <c r="G56" s="21" t="s">
        <v>108</v>
      </c>
      <c r="H56" s="20"/>
      <c r="I56" s="16">
        <v>533</v>
      </c>
      <c r="J56" s="22">
        <v>150</v>
      </c>
      <c r="K56" s="22">
        <v>383</v>
      </c>
    </row>
    <row r="57" spans="1:11" ht="15" customHeight="1">
      <c r="A57" s="20" t="s">
        <v>109</v>
      </c>
      <c r="B57" s="20"/>
      <c r="C57" s="16">
        <v>2425</v>
      </c>
      <c r="D57" s="22">
        <v>1203</v>
      </c>
      <c r="E57" s="22">
        <v>1222</v>
      </c>
      <c r="F57" s="22"/>
      <c r="G57" s="21" t="s">
        <v>110</v>
      </c>
      <c r="H57" s="20"/>
      <c r="I57" s="16">
        <v>434</v>
      </c>
      <c r="J57" s="22">
        <v>123</v>
      </c>
      <c r="K57" s="22">
        <v>311</v>
      </c>
    </row>
    <row r="58" spans="1:11" ht="15" customHeight="1">
      <c r="A58" s="20" t="s">
        <v>111</v>
      </c>
      <c r="B58" s="20"/>
      <c r="C58" s="16">
        <v>2532</v>
      </c>
      <c r="D58" s="22">
        <v>1230</v>
      </c>
      <c r="E58" s="22">
        <v>1302</v>
      </c>
      <c r="F58" s="22"/>
      <c r="G58" s="21" t="s">
        <v>112</v>
      </c>
      <c r="H58" s="20"/>
      <c r="I58" s="16">
        <v>379</v>
      </c>
      <c r="J58" s="22">
        <v>93</v>
      </c>
      <c r="K58" s="22">
        <v>286</v>
      </c>
    </row>
    <row r="59" spans="1:11" ht="20.100000000000001" customHeight="1">
      <c r="A59" s="20" t="s">
        <v>113</v>
      </c>
      <c r="B59" s="20"/>
      <c r="C59" s="16">
        <v>14044</v>
      </c>
      <c r="D59" s="17">
        <v>6874</v>
      </c>
      <c r="E59" s="17">
        <v>7170</v>
      </c>
      <c r="F59" s="17"/>
      <c r="G59" s="21" t="s">
        <v>114</v>
      </c>
      <c r="H59" s="20"/>
      <c r="I59" s="16">
        <v>790</v>
      </c>
      <c r="J59" s="17">
        <v>196</v>
      </c>
      <c r="K59" s="17">
        <v>594</v>
      </c>
    </row>
    <row r="60" spans="1:11" ht="15" customHeight="1">
      <c r="A60" s="20" t="s">
        <v>115</v>
      </c>
      <c r="B60" s="20"/>
      <c r="C60" s="16">
        <v>2618</v>
      </c>
      <c r="D60" s="22">
        <v>1284</v>
      </c>
      <c r="E60" s="22">
        <v>1334</v>
      </c>
      <c r="F60" s="22"/>
      <c r="G60" s="21" t="s">
        <v>116</v>
      </c>
      <c r="H60" s="20"/>
      <c r="I60" s="16">
        <v>272</v>
      </c>
      <c r="J60" s="22">
        <v>62</v>
      </c>
      <c r="K60" s="22">
        <v>210</v>
      </c>
    </row>
    <row r="61" spans="1:11" ht="15" customHeight="1">
      <c r="A61" s="20" t="s">
        <v>117</v>
      </c>
      <c r="B61" s="20"/>
      <c r="C61" s="16">
        <v>2624</v>
      </c>
      <c r="D61" s="22">
        <v>1283</v>
      </c>
      <c r="E61" s="22">
        <v>1341</v>
      </c>
      <c r="F61" s="22"/>
      <c r="G61" s="21" t="s">
        <v>118</v>
      </c>
      <c r="H61" s="20"/>
      <c r="I61" s="16">
        <v>176</v>
      </c>
      <c r="J61" s="22">
        <v>60</v>
      </c>
      <c r="K61" s="22">
        <v>116</v>
      </c>
    </row>
    <row r="62" spans="1:11" ht="15" customHeight="1">
      <c r="A62" s="20" t="s">
        <v>119</v>
      </c>
      <c r="B62" s="20"/>
      <c r="C62" s="16">
        <v>2838</v>
      </c>
      <c r="D62" s="22">
        <v>1398</v>
      </c>
      <c r="E62" s="22">
        <v>1440</v>
      </c>
      <c r="F62" s="22"/>
      <c r="G62" s="21" t="s">
        <v>120</v>
      </c>
      <c r="H62" s="20"/>
      <c r="I62" s="16">
        <v>139</v>
      </c>
      <c r="J62" s="22">
        <v>38</v>
      </c>
      <c r="K62" s="22">
        <v>101</v>
      </c>
    </row>
    <row r="63" spans="1:11" ht="15" customHeight="1">
      <c r="A63" s="20" t="s">
        <v>121</v>
      </c>
      <c r="B63" s="20"/>
      <c r="C63" s="16">
        <v>2940</v>
      </c>
      <c r="D63" s="22">
        <v>1433</v>
      </c>
      <c r="E63" s="22">
        <v>1507</v>
      </c>
      <c r="F63" s="22"/>
      <c r="G63" s="21" t="s">
        <v>122</v>
      </c>
      <c r="H63" s="20"/>
      <c r="I63" s="16">
        <v>108</v>
      </c>
      <c r="J63" s="22">
        <v>19</v>
      </c>
      <c r="K63" s="22">
        <v>89</v>
      </c>
    </row>
    <row r="64" spans="1:11" ht="15" customHeight="1">
      <c r="A64" s="20" t="s">
        <v>123</v>
      </c>
      <c r="B64" s="20"/>
      <c r="C64" s="16">
        <v>3024</v>
      </c>
      <c r="D64" s="22">
        <v>1476</v>
      </c>
      <c r="E64" s="22">
        <v>1548</v>
      </c>
      <c r="F64" s="22"/>
      <c r="G64" s="21" t="s">
        <v>124</v>
      </c>
      <c r="H64" s="20"/>
      <c r="I64" s="16">
        <v>95</v>
      </c>
      <c r="J64" s="22">
        <v>17</v>
      </c>
      <c r="K64" s="22">
        <v>78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63</v>
      </c>
      <c r="J65" s="22">
        <v>24</v>
      </c>
      <c r="K65" s="22">
        <v>139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3952</v>
      </c>
      <c r="J66" s="32">
        <v>2448</v>
      </c>
      <c r="K66" s="32">
        <v>1504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4"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8" t="s">
        <v>190</v>
      </c>
      <c r="B2" s="8"/>
      <c r="C2" s="9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679613</v>
      </c>
      <c r="D4" s="17">
        <v>330139</v>
      </c>
      <c r="E4" s="17">
        <v>349474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8710</v>
      </c>
      <c r="D5" s="17">
        <v>9532</v>
      </c>
      <c r="E5" s="17">
        <v>9178</v>
      </c>
      <c r="F5" s="17"/>
      <c r="G5" s="21" t="s">
        <v>6</v>
      </c>
      <c r="H5" s="20"/>
      <c r="I5" s="16">
        <v>56963</v>
      </c>
      <c r="J5" s="17">
        <v>28507</v>
      </c>
      <c r="K5" s="17">
        <v>28456</v>
      </c>
    </row>
    <row r="6" spans="1:11" ht="15" customHeight="1">
      <c r="A6" s="20" t="s">
        <v>7</v>
      </c>
      <c r="B6" s="20"/>
      <c r="C6" s="16">
        <v>3416</v>
      </c>
      <c r="D6" s="22">
        <v>1710</v>
      </c>
      <c r="E6" s="22">
        <v>1706</v>
      </c>
      <c r="F6" s="22"/>
      <c r="G6" s="21" t="s">
        <v>8</v>
      </c>
      <c r="H6" s="20"/>
      <c r="I6" s="16">
        <v>11772</v>
      </c>
      <c r="J6" s="22">
        <v>5909</v>
      </c>
      <c r="K6" s="22">
        <v>5863</v>
      </c>
    </row>
    <row r="7" spans="1:11" ht="15" customHeight="1">
      <c r="A7" s="20" t="s">
        <v>9</v>
      </c>
      <c r="B7" s="20"/>
      <c r="C7" s="16">
        <v>3565</v>
      </c>
      <c r="D7" s="22">
        <v>1870</v>
      </c>
      <c r="E7" s="22">
        <v>1695</v>
      </c>
      <c r="F7" s="22"/>
      <c r="G7" s="21" t="s">
        <v>10</v>
      </c>
      <c r="H7" s="20"/>
      <c r="I7" s="16">
        <v>11768</v>
      </c>
      <c r="J7" s="22">
        <v>5821</v>
      </c>
      <c r="K7" s="22">
        <v>5947</v>
      </c>
    </row>
    <row r="8" spans="1:11" ht="15" customHeight="1">
      <c r="A8" s="20" t="s">
        <v>11</v>
      </c>
      <c r="B8" s="20"/>
      <c r="C8" s="16">
        <v>3592</v>
      </c>
      <c r="D8" s="22">
        <v>1801</v>
      </c>
      <c r="E8" s="22">
        <v>1791</v>
      </c>
      <c r="F8" s="22"/>
      <c r="G8" s="21" t="s">
        <v>12</v>
      </c>
      <c r="H8" s="20"/>
      <c r="I8" s="16">
        <v>11438</v>
      </c>
      <c r="J8" s="22">
        <v>5704</v>
      </c>
      <c r="K8" s="22">
        <v>5734</v>
      </c>
    </row>
    <row r="9" spans="1:11" ht="15" customHeight="1">
      <c r="A9" s="20" t="s">
        <v>13</v>
      </c>
      <c r="B9" s="20"/>
      <c r="C9" s="16">
        <v>3979</v>
      </c>
      <c r="D9" s="22">
        <v>2047</v>
      </c>
      <c r="E9" s="22">
        <v>1932</v>
      </c>
      <c r="F9" s="22"/>
      <c r="G9" s="21" t="s">
        <v>14</v>
      </c>
      <c r="H9" s="20"/>
      <c r="I9" s="16">
        <v>11049</v>
      </c>
      <c r="J9" s="22">
        <v>5573</v>
      </c>
      <c r="K9" s="22">
        <v>5476</v>
      </c>
    </row>
    <row r="10" spans="1:11" ht="15" customHeight="1">
      <c r="A10" s="20" t="s">
        <v>15</v>
      </c>
      <c r="B10" s="20"/>
      <c r="C10" s="16">
        <v>4158</v>
      </c>
      <c r="D10" s="22">
        <v>2104</v>
      </c>
      <c r="E10" s="22">
        <v>2054</v>
      </c>
      <c r="F10" s="22"/>
      <c r="G10" s="21" t="s">
        <v>16</v>
      </c>
      <c r="H10" s="20"/>
      <c r="I10" s="16">
        <v>10936</v>
      </c>
      <c r="J10" s="22">
        <v>5500</v>
      </c>
      <c r="K10" s="22">
        <v>5436</v>
      </c>
    </row>
    <row r="11" spans="1:11" ht="20.100000000000001" customHeight="1">
      <c r="A11" s="20" t="s">
        <v>17</v>
      </c>
      <c r="B11" s="20"/>
      <c r="C11" s="16">
        <v>23933</v>
      </c>
      <c r="D11" s="17">
        <v>12277</v>
      </c>
      <c r="E11" s="17">
        <v>11656</v>
      </c>
      <c r="F11" s="17"/>
      <c r="G11" s="21" t="s">
        <v>18</v>
      </c>
      <c r="H11" s="20"/>
      <c r="I11" s="16">
        <v>47972</v>
      </c>
      <c r="J11" s="17">
        <v>24184</v>
      </c>
      <c r="K11" s="17">
        <v>23788</v>
      </c>
    </row>
    <row r="12" spans="1:11" ht="15" customHeight="1">
      <c r="A12" s="20" t="s">
        <v>19</v>
      </c>
      <c r="B12" s="20"/>
      <c r="C12" s="16">
        <v>4232</v>
      </c>
      <c r="D12" s="22">
        <v>2172</v>
      </c>
      <c r="E12" s="22">
        <v>2060</v>
      </c>
      <c r="F12" s="22"/>
      <c r="G12" s="21" t="s">
        <v>20</v>
      </c>
      <c r="H12" s="20"/>
      <c r="I12" s="16">
        <v>11151</v>
      </c>
      <c r="J12" s="22">
        <v>5631</v>
      </c>
      <c r="K12" s="22">
        <v>5520</v>
      </c>
    </row>
    <row r="13" spans="1:11" ht="15" customHeight="1">
      <c r="A13" s="20" t="s">
        <v>21</v>
      </c>
      <c r="B13" s="20"/>
      <c r="C13" s="16">
        <v>4731</v>
      </c>
      <c r="D13" s="22">
        <v>2454</v>
      </c>
      <c r="E13" s="22">
        <v>2277</v>
      </c>
      <c r="F13" s="22"/>
      <c r="G13" s="21" t="s">
        <v>22</v>
      </c>
      <c r="H13" s="20"/>
      <c r="I13" s="16">
        <v>8154</v>
      </c>
      <c r="J13" s="22">
        <v>4126</v>
      </c>
      <c r="K13" s="22">
        <v>4028</v>
      </c>
    </row>
    <row r="14" spans="1:11" ht="15" customHeight="1">
      <c r="A14" s="20" t="s">
        <v>23</v>
      </c>
      <c r="B14" s="20"/>
      <c r="C14" s="16">
        <v>4931</v>
      </c>
      <c r="D14" s="22">
        <v>2542</v>
      </c>
      <c r="E14" s="22">
        <v>2389</v>
      </c>
      <c r="F14" s="22"/>
      <c r="G14" s="21" t="s">
        <v>24</v>
      </c>
      <c r="H14" s="20"/>
      <c r="I14" s="16">
        <v>10213</v>
      </c>
      <c r="J14" s="22">
        <v>5156</v>
      </c>
      <c r="K14" s="22">
        <v>5057</v>
      </c>
    </row>
    <row r="15" spans="1:11" ht="15" customHeight="1">
      <c r="A15" s="20" t="s">
        <v>25</v>
      </c>
      <c r="B15" s="20"/>
      <c r="C15" s="16">
        <v>4877</v>
      </c>
      <c r="D15" s="22">
        <v>2486</v>
      </c>
      <c r="E15" s="22">
        <v>2391</v>
      </c>
      <c r="F15" s="22"/>
      <c r="G15" s="21" t="s">
        <v>26</v>
      </c>
      <c r="H15" s="20"/>
      <c r="I15" s="16">
        <v>9345</v>
      </c>
      <c r="J15" s="22">
        <v>4707</v>
      </c>
      <c r="K15" s="22">
        <v>4638</v>
      </c>
    </row>
    <row r="16" spans="1:11" ht="15" customHeight="1">
      <c r="A16" s="20" t="s">
        <v>27</v>
      </c>
      <c r="B16" s="20"/>
      <c r="C16" s="16">
        <v>5162</v>
      </c>
      <c r="D16" s="22">
        <v>2623</v>
      </c>
      <c r="E16" s="22">
        <v>2539</v>
      </c>
      <c r="F16" s="22"/>
      <c r="G16" s="21" t="s">
        <v>28</v>
      </c>
      <c r="H16" s="20"/>
      <c r="I16" s="16">
        <v>9109</v>
      </c>
      <c r="J16" s="22">
        <v>4564</v>
      </c>
      <c r="K16" s="22">
        <v>4545</v>
      </c>
    </row>
    <row r="17" spans="1:11" ht="20.100000000000001" customHeight="1">
      <c r="A17" s="24" t="s">
        <v>29</v>
      </c>
      <c r="B17" s="24"/>
      <c r="C17" s="16">
        <v>27197</v>
      </c>
      <c r="D17" s="17">
        <v>13884</v>
      </c>
      <c r="E17" s="17">
        <v>13313</v>
      </c>
      <c r="F17" s="17"/>
      <c r="G17" s="21" t="s">
        <v>30</v>
      </c>
      <c r="H17" s="20"/>
      <c r="I17" s="16">
        <v>41382</v>
      </c>
      <c r="J17" s="17">
        <v>20823</v>
      </c>
      <c r="K17" s="17">
        <v>20559</v>
      </c>
    </row>
    <row r="18" spans="1:11" ht="15" customHeight="1">
      <c r="A18" s="20" t="s">
        <v>31</v>
      </c>
      <c r="B18" s="20"/>
      <c r="C18" s="16">
        <v>5169</v>
      </c>
      <c r="D18" s="22">
        <v>2670</v>
      </c>
      <c r="E18" s="22">
        <v>2499</v>
      </c>
      <c r="F18" s="22"/>
      <c r="G18" s="21" t="s">
        <v>32</v>
      </c>
      <c r="H18" s="20"/>
      <c r="I18" s="16">
        <v>8697</v>
      </c>
      <c r="J18" s="22">
        <v>4425</v>
      </c>
      <c r="K18" s="22">
        <v>4272</v>
      </c>
    </row>
    <row r="19" spans="1:11" ht="15" customHeight="1">
      <c r="A19" s="20" t="s">
        <v>33</v>
      </c>
      <c r="B19" s="20"/>
      <c r="C19" s="16">
        <v>5357</v>
      </c>
      <c r="D19" s="22">
        <v>2694</v>
      </c>
      <c r="E19" s="22">
        <v>2663</v>
      </c>
      <c r="F19" s="22"/>
      <c r="G19" s="21" t="s">
        <v>34</v>
      </c>
      <c r="H19" s="20"/>
      <c r="I19" s="16">
        <v>8434</v>
      </c>
      <c r="J19" s="22">
        <v>4252</v>
      </c>
      <c r="K19" s="22">
        <v>4182</v>
      </c>
    </row>
    <row r="20" spans="1:11" ht="15" customHeight="1">
      <c r="A20" s="20" t="s">
        <v>35</v>
      </c>
      <c r="B20" s="20"/>
      <c r="C20" s="16">
        <v>5602</v>
      </c>
      <c r="D20" s="22">
        <v>2882</v>
      </c>
      <c r="E20" s="22">
        <v>2720</v>
      </c>
      <c r="F20" s="22"/>
      <c r="G20" s="21" t="s">
        <v>36</v>
      </c>
      <c r="H20" s="20"/>
      <c r="I20" s="16">
        <v>8197</v>
      </c>
      <c r="J20" s="22">
        <v>4039</v>
      </c>
      <c r="K20" s="22">
        <v>4158</v>
      </c>
    </row>
    <row r="21" spans="1:11" ht="15" customHeight="1">
      <c r="A21" s="20" t="s">
        <v>37</v>
      </c>
      <c r="B21" s="20"/>
      <c r="C21" s="16">
        <v>5497</v>
      </c>
      <c r="D21" s="22">
        <v>2826</v>
      </c>
      <c r="E21" s="22">
        <v>2671</v>
      </c>
      <c r="F21" s="22"/>
      <c r="G21" s="21" t="s">
        <v>38</v>
      </c>
      <c r="H21" s="20"/>
      <c r="I21" s="16">
        <v>8094</v>
      </c>
      <c r="J21" s="22">
        <v>4133</v>
      </c>
      <c r="K21" s="22">
        <v>3961</v>
      </c>
    </row>
    <row r="22" spans="1:11" ht="15" customHeight="1">
      <c r="A22" s="20" t="s">
        <v>39</v>
      </c>
      <c r="B22" s="20"/>
      <c r="C22" s="16">
        <v>5572</v>
      </c>
      <c r="D22" s="22">
        <v>2812</v>
      </c>
      <c r="E22" s="22">
        <v>2760</v>
      </c>
      <c r="F22" s="22"/>
      <c r="G22" s="21" t="s">
        <v>40</v>
      </c>
      <c r="H22" s="20"/>
      <c r="I22" s="16">
        <v>7960</v>
      </c>
      <c r="J22" s="22">
        <v>3974</v>
      </c>
      <c r="K22" s="22">
        <v>3986</v>
      </c>
    </row>
    <row r="23" spans="1:11" ht="20.100000000000001" customHeight="1">
      <c r="A23" s="20" t="s">
        <v>41</v>
      </c>
      <c r="B23" s="20"/>
      <c r="C23" s="16">
        <v>31387</v>
      </c>
      <c r="D23" s="17">
        <v>16793</v>
      </c>
      <c r="E23" s="17">
        <v>14594</v>
      </c>
      <c r="F23" s="17"/>
      <c r="G23" s="21" t="s">
        <v>42</v>
      </c>
      <c r="H23" s="20"/>
      <c r="I23" s="16">
        <v>39321</v>
      </c>
      <c r="J23" s="17">
        <v>19091</v>
      </c>
      <c r="K23" s="17">
        <v>20230</v>
      </c>
    </row>
    <row r="24" spans="1:11" ht="15" customHeight="1">
      <c r="A24" s="20" t="s">
        <v>43</v>
      </c>
      <c r="B24" s="20"/>
      <c r="C24" s="16">
        <v>6131</v>
      </c>
      <c r="D24" s="22">
        <v>3248</v>
      </c>
      <c r="E24" s="22">
        <v>2883</v>
      </c>
      <c r="F24" s="22"/>
      <c r="G24" s="21" t="s">
        <v>44</v>
      </c>
      <c r="H24" s="20"/>
      <c r="I24" s="16">
        <v>7365</v>
      </c>
      <c r="J24" s="22">
        <v>3656</v>
      </c>
      <c r="K24" s="22">
        <v>3709</v>
      </c>
    </row>
    <row r="25" spans="1:11" ht="15" customHeight="1">
      <c r="A25" s="20" t="s">
        <v>45</v>
      </c>
      <c r="B25" s="20"/>
      <c r="C25" s="16">
        <v>6160</v>
      </c>
      <c r="D25" s="22">
        <v>3297</v>
      </c>
      <c r="E25" s="22">
        <v>2863</v>
      </c>
      <c r="F25" s="22"/>
      <c r="G25" s="21" t="s">
        <v>46</v>
      </c>
      <c r="H25" s="20"/>
      <c r="I25" s="16">
        <v>7680</v>
      </c>
      <c r="J25" s="22">
        <v>3754</v>
      </c>
      <c r="K25" s="22">
        <v>3926</v>
      </c>
    </row>
    <row r="26" spans="1:11" ht="15" customHeight="1">
      <c r="A26" s="20" t="s">
        <v>47</v>
      </c>
      <c r="B26" s="20"/>
      <c r="C26" s="16">
        <v>5787</v>
      </c>
      <c r="D26" s="22">
        <v>2986</v>
      </c>
      <c r="E26" s="22">
        <v>2801</v>
      </c>
      <c r="F26" s="22"/>
      <c r="G26" s="21" t="s">
        <v>48</v>
      </c>
      <c r="H26" s="20"/>
      <c r="I26" s="16">
        <v>7965</v>
      </c>
      <c r="J26" s="22">
        <v>3782</v>
      </c>
      <c r="K26" s="22">
        <v>4183</v>
      </c>
    </row>
    <row r="27" spans="1:11" ht="15" customHeight="1">
      <c r="A27" s="20" t="s">
        <v>49</v>
      </c>
      <c r="B27" s="20"/>
      <c r="C27" s="16">
        <v>6530</v>
      </c>
      <c r="D27" s="22">
        <v>3565</v>
      </c>
      <c r="E27" s="22">
        <v>2965</v>
      </c>
      <c r="F27" s="22"/>
      <c r="G27" s="21" t="s">
        <v>50</v>
      </c>
      <c r="H27" s="20"/>
      <c r="I27" s="16">
        <v>8042</v>
      </c>
      <c r="J27" s="22">
        <v>3913</v>
      </c>
      <c r="K27" s="22">
        <v>4129</v>
      </c>
    </row>
    <row r="28" spans="1:11" ht="15" customHeight="1">
      <c r="A28" s="20" t="s">
        <v>51</v>
      </c>
      <c r="B28" s="20"/>
      <c r="C28" s="16">
        <v>6779</v>
      </c>
      <c r="D28" s="22">
        <v>3697</v>
      </c>
      <c r="E28" s="22">
        <v>3082</v>
      </c>
      <c r="F28" s="22"/>
      <c r="G28" s="21" t="s">
        <v>52</v>
      </c>
      <c r="H28" s="20"/>
      <c r="I28" s="16">
        <v>8269</v>
      </c>
      <c r="J28" s="22">
        <v>3986</v>
      </c>
      <c r="K28" s="22">
        <v>4283</v>
      </c>
    </row>
    <row r="29" spans="1:11" ht="20.100000000000001" customHeight="1">
      <c r="A29" s="20" t="s">
        <v>53</v>
      </c>
      <c r="B29" s="20"/>
      <c r="C29" s="16">
        <v>31334</v>
      </c>
      <c r="D29" s="17">
        <v>16499</v>
      </c>
      <c r="E29" s="17">
        <v>14835</v>
      </c>
      <c r="F29" s="17"/>
      <c r="G29" s="21" t="s">
        <v>54</v>
      </c>
      <c r="H29" s="20"/>
      <c r="I29" s="16">
        <v>52689</v>
      </c>
      <c r="J29" s="17">
        <v>24575</v>
      </c>
      <c r="K29" s="17">
        <v>28114</v>
      </c>
    </row>
    <row r="30" spans="1:11" ht="15" customHeight="1">
      <c r="A30" s="20" t="s">
        <v>55</v>
      </c>
      <c r="B30" s="20"/>
      <c r="C30" s="16">
        <v>6432</v>
      </c>
      <c r="D30" s="22">
        <v>3449</v>
      </c>
      <c r="E30" s="22">
        <v>2983</v>
      </c>
      <c r="F30" s="22"/>
      <c r="G30" s="21" t="s">
        <v>56</v>
      </c>
      <c r="H30" s="20"/>
      <c r="I30" s="16">
        <v>8929</v>
      </c>
      <c r="J30" s="22">
        <v>4219</v>
      </c>
      <c r="K30" s="22">
        <v>4710</v>
      </c>
    </row>
    <row r="31" spans="1:11" ht="15" customHeight="1">
      <c r="A31" s="20" t="s">
        <v>57</v>
      </c>
      <c r="B31" s="20"/>
      <c r="C31" s="16">
        <v>6829</v>
      </c>
      <c r="D31" s="22">
        <v>3648</v>
      </c>
      <c r="E31" s="22">
        <v>3181</v>
      </c>
      <c r="F31" s="22"/>
      <c r="G31" s="21" t="s">
        <v>58</v>
      </c>
      <c r="H31" s="20"/>
      <c r="I31" s="16">
        <v>9522</v>
      </c>
      <c r="J31" s="22">
        <v>4482</v>
      </c>
      <c r="K31" s="22">
        <v>5040</v>
      </c>
    </row>
    <row r="32" spans="1:11" ht="15" customHeight="1">
      <c r="A32" s="20" t="s">
        <v>59</v>
      </c>
      <c r="B32" s="20"/>
      <c r="C32" s="16">
        <v>6375</v>
      </c>
      <c r="D32" s="22">
        <v>3323</v>
      </c>
      <c r="E32" s="22">
        <v>3052</v>
      </c>
      <c r="F32" s="22"/>
      <c r="G32" s="21" t="s">
        <v>60</v>
      </c>
      <c r="H32" s="20"/>
      <c r="I32" s="16">
        <v>10245</v>
      </c>
      <c r="J32" s="22">
        <v>4853</v>
      </c>
      <c r="K32" s="22">
        <v>5392</v>
      </c>
    </row>
    <row r="33" spans="1:11" ht="15" customHeight="1">
      <c r="A33" s="20" t="s">
        <v>61</v>
      </c>
      <c r="B33" s="20"/>
      <c r="C33" s="16">
        <v>5890</v>
      </c>
      <c r="D33" s="22">
        <v>3077</v>
      </c>
      <c r="E33" s="22">
        <v>2813</v>
      </c>
      <c r="F33" s="22"/>
      <c r="G33" s="21" t="s">
        <v>62</v>
      </c>
      <c r="H33" s="20"/>
      <c r="I33" s="16">
        <v>12084</v>
      </c>
      <c r="J33" s="22">
        <v>5608</v>
      </c>
      <c r="K33" s="22">
        <v>6476</v>
      </c>
    </row>
    <row r="34" spans="1:11" ht="15" customHeight="1">
      <c r="A34" s="20" t="s">
        <v>63</v>
      </c>
      <c r="B34" s="20"/>
      <c r="C34" s="16">
        <v>5808</v>
      </c>
      <c r="D34" s="22">
        <v>3002</v>
      </c>
      <c r="E34" s="22">
        <v>2806</v>
      </c>
      <c r="F34" s="22"/>
      <c r="G34" s="21" t="s">
        <v>64</v>
      </c>
      <c r="H34" s="20"/>
      <c r="I34" s="16">
        <v>11909</v>
      </c>
      <c r="J34" s="22">
        <v>5413</v>
      </c>
      <c r="K34" s="22">
        <v>6496</v>
      </c>
    </row>
    <row r="35" spans="1:11" ht="20.100000000000001" customHeight="1">
      <c r="A35" s="20" t="s">
        <v>65</v>
      </c>
      <c r="B35" s="20"/>
      <c r="C35" s="16">
        <v>25909</v>
      </c>
      <c r="D35" s="17">
        <v>13879</v>
      </c>
      <c r="E35" s="17">
        <v>12030</v>
      </c>
      <c r="F35" s="17"/>
      <c r="G35" s="21" t="s">
        <v>66</v>
      </c>
      <c r="H35" s="20"/>
      <c r="I35" s="16">
        <v>47118</v>
      </c>
      <c r="J35" s="17">
        <v>20718</v>
      </c>
      <c r="K35" s="17">
        <v>26400</v>
      </c>
    </row>
    <row r="36" spans="1:11" ht="15" customHeight="1">
      <c r="A36" s="20" t="s">
        <v>67</v>
      </c>
      <c r="B36" s="20"/>
      <c r="C36" s="16">
        <v>5416</v>
      </c>
      <c r="D36" s="22">
        <v>2885</v>
      </c>
      <c r="E36" s="22">
        <v>2531</v>
      </c>
      <c r="F36" s="22"/>
      <c r="G36" s="21" t="s">
        <v>68</v>
      </c>
      <c r="H36" s="20"/>
      <c r="I36" s="16">
        <v>12289</v>
      </c>
      <c r="J36" s="22">
        <v>5572</v>
      </c>
      <c r="K36" s="22">
        <v>6717</v>
      </c>
    </row>
    <row r="37" spans="1:11" ht="15" customHeight="1">
      <c r="A37" s="20" t="s">
        <v>69</v>
      </c>
      <c r="B37" s="20"/>
      <c r="C37" s="16">
        <v>5390</v>
      </c>
      <c r="D37" s="22">
        <v>2902</v>
      </c>
      <c r="E37" s="22">
        <v>2488</v>
      </c>
      <c r="F37" s="22"/>
      <c r="G37" s="21" t="s">
        <v>70</v>
      </c>
      <c r="H37" s="20"/>
      <c r="I37" s="16">
        <v>8502</v>
      </c>
      <c r="J37" s="22">
        <v>3743</v>
      </c>
      <c r="K37" s="22">
        <v>4759</v>
      </c>
    </row>
    <row r="38" spans="1:11" ht="15" customHeight="1">
      <c r="A38" s="20" t="s">
        <v>71</v>
      </c>
      <c r="B38" s="20"/>
      <c r="C38" s="16">
        <v>5018</v>
      </c>
      <c r="D38" s="22">
        <v>2730</v>
      </c>
      <c r="E38" s="22">
        <v>2288</v>
      </c>
      <c r="F38" s="22"/>
      <c r="G38" s="21" t="s">
        <v>72</v>
      </c>
      <c r="H38" s="20"/>
      <c r="I38" s="16">
        <v>7373</v>
      </c>
      <c r="J38" s="22">
        <v>3190</v>
      </c>
      <c r="K38" s="22">
        <v>4183</v>
      </c>
    </row>
    <row r="39" spans="1:11" ht="15" customHeight="1">
      <c r="A39" s="20" t="s">
        <v>73</v>
      </c>
      <c r="B39" s="20"/>
      <c r="C39" s="16">
        <v>5190</v>
      </c>
      <c r="D39" s="22">
        <v>2768</v>
      </c>
      <c r="E39" s="22">
        <v>2422</v>
      </c>
      <c r="F39" s="22"/>
      <c r="G39" s="21" t="s">
        <v>74</v>
      </c>
      <c r="H39" s="20"/>
      <c r="I39" s="16">
        <v>9335</v>
      </c>
      <c r="J39" s="22">
        <v>4016</v>
      </c>
      <c r="K39" s="22">
        <v>5319</v>
      </c>
    </row>
    <row r="40" spans="1:11" ht="15" customHeight="1">
      <c r="A40" s="20" t="s">
        <v>75</v>
      </c>
      <c r="B40" s="20"/>
      <c r="C40" s="16">
        <v>4895</v>
      </c>
      <c r="D40" s="22">
        <v>2594</v>
      </c>
      <c r="E40" s="22">
        <v>2301</v>
      </c>
      <c r="F40" s="22"/>
      <c r="G40" s="21" t="s">
        <v>76</v>
      </c>
      <c r="H40" s="20"/>
      <c r="I40" s="16">
        <v>9619</v>
      </c>
      <c r="J40" s="22">
        <v>4197</v>
      </c>
      <c r="K40" s="22">
        <v>5422</v>
      </c>
    </row>
    <row r="41" spans="1:11" ht="20.100000000000001" customHeight="1">
      <c r="A41" s="20" t="s">
        <v>77</v>
      </c>
      <c r="B41" s="20"/>
      <c r="C41" s="16">
        <v>26851</v>
      </c>
      <c r="D41" s="17">
        <v>13963</v>
      </c>
      <c r="E41" s="17">
        <v>12888</v>
      </c>
      <c r="F41" s="17"/>
      <c r="G41" s="21" t="s">
        <v>78</v>
      </c>
      <c r="H41" s="20"/>
      <c r="I41" s="16">
        <v>38792</v>
      </c>
      <c r="J41" s="17">
        <v>16477</v>
      </c>
      <c r="K41" s="17">
        <v>22315</v>
      </c>
    </row>
    <row r="42" spans="1:11" ht="15" customHeight="1">
      <c r="A42" s="20" t="s">
        <v>79</v>
      </c>
      <c r="B42" s="20"/>
      <c r="C42" s="16">
        <v>4985</v>
      </c>
      <c r="D42" s="22">
        <v>2545</v>
      </c>
      <c r="E42" s="22">
        <v>2440</v>
      </c>
      <c r="F42" s="22"/>
      <c r="G42" s="21" t="s">
        <v>80</v>
      </c>
      <c r="H42" s="20"/>
      <c r="I42" s="16">
        <v>9155</v>
      </c>
      <c r="J42" s="22">
        <v>4010</v>
      </c>
      <c r="K42" s="22">
        <v>5145</v>
      </c>
    </row>
    <row r="43" spans="1:11" ht="15" customHeight="1">
      <c r="A43" s="20" t="s">
        <v>81</v>
      </c>
      <c r="B43" s="20"/>
      <c r="C43" s="16">
        <v>5186</v>
      </c>
      <c r="D43" s="22">
        <v>2730</v>
      </c>
      <c r="E43" s="22">
        <v>2456</v>
      </c>
      <c r="F43" s="22"/>
      <c r="G43" s="21" t="s">
        <v>82</v>
      </c>
      <c r="H43" s="20"/>
      <c r="I43" s="16">
        <v>9023</v>
      </c>
      <c r="J43" s="22">
        <v>3865</v>
      </c>
      <c r="K43" s="22">
        <v>5158</v>
      </c>
    </row>
    <row r="44" spans="1:11" ht="15" customHeight="1">
      <c r="A44" s="20" t="s">
        <v>83</v>
      </c>
      <c r="B44" s="20"/>
      <c r="C44" s="16">
        <v>5334</v>
      </c>
      <c r="D44" s="22">
        <v>2786</v>
      </c>
      <c r="E44" s="22">
        <v>2548</v>
      </c>
      <c r="F44" s="22"/>
      <c r="G44" s="21" t="s">
        <v>84</v>
      </c>
      <c r="H44" s="20"/>
      <c r="I44" s="16">
        <v>7851</v>
      </c>
      <c r="J44" s="22">
        <v>3278</v>
      </c>
      <c r="K44" s="22">
        <v>4573</v>
      </c>
    </row>
    <row r="45" spans="1:11" ht="15" customHeight="1">
      <c r="A45" s="20" t="s">
        <v>85</v>
      </c>
      <c r="B45" s="20"/>
      <c r="C45" s="16">
        <v>5498</v>
      </c>
      <c r="D45" s="22">
        <v>2817</v>
      </c>
      <c r="E45" s="22">
        <v>2681</v>
      </c>
      <c r="F45" s="22"/>
      <c r="G45" s="21" t="s">
        <v>86</v>
      </c>
      <c r="H45" s="20"/>
      <c r="I45" s="16">
        <v>6665</v>
      </c>
      <c r="J45" s="22">
        <v>2786</v>
      </c>
      <c r="K45" s="22">
        <v>3879</v>
      </c>
    </row>
    <row r="46" spans="1:11" ht="15" customHeight="1">
      <c r="A46" s="20" t="s">
        <v>87</v>
      </c>
      <c r="B46" s="20"/>
      <c r="C46" s="16">
        <v>5848</v>
      </c>
      <c r="D46" s="22">
        <v>3085</v>
      </c>
      <c r="E46" s="22">
        <v>2763</v>
      </c>
      <c r="F46" s="22"/>
      <c r="G46" s="21" t="s">
        <v>88</v>
      </c>
      <c r="H46" s="20"/>
      <c r="I46" s="16">
        <v>6098</v>
      </c>
      <c r="J46" s="22">
        <v>2538</v>
      </c>
      <c r="K46" s="22">
        <v>3560</v>
      </c>
    </row>
    <row r="47" spans="1:11" ht="20.100000000000001" customHeight="1">
      <c r="A47" s="20" t="s">
        <v>89</v>
      </c>
      <c r="B47" s="20"/>
      <c r="C47" s="16">
        <v>32495</v>
      </c>
      <c r="D47" s="17">
        <v>16573</v>
      </c>
      <c r="E47" s="17">
        <v>15922</v>
      </c>
      <c r="F47" s="17"/>
      <c r="G47" s="21" t="s">
        <v>90</v>
      </c>
      <c r="H47" s="20"/>
      <c r="I47" s="16">
        <v>26205</v>
      </c>
      <c r="J47" s="17">
        <v>10138</v>
      </c>
      <c r="K47" s="17">
        <v>16067</v>
      </c>
    </row>
    <row r="48" spans="1:11" ht="15" customHeight="1">
      <c r="A48" s="20" t="s">
        <v>91</v>
      </c>
      <c r="B48" s="20"/>
      <c r="C48" s="16">
        <v>5923</v>
      </c>
      <c r="D48" s="22">
        <v>3034</v>
      </c>
      <c r="E48" s="22">
        <v>2889</v>
      </c>
      <c r="F48" s="22"/>
      <c r="G48" s="21" t="s">
        <v>92</v>
      </c>
      <c r="H48" s="20"/>
      <c r="I48" s="16">
        <v>6385</v>
      </c>
      <c r="J48" s="22">
        <v>2618</v>
      </c>
      <c r="K48" s="22">
        <v>3767</v>
      </c>
    </row>
    <row r="49" spans="1:11" ht="15" customHeight="1">
      <c r="A49" s="20" t="s">
        <v>93</v>
      </c>
      <c r="B49" s="20"/>
      <c r="C49" s="16">
        <v>6147</v>
      </c>
      <c r="D49" s="22">
        <v>3178</v>
      </c>
      <c r="E49" s="22">
        <v>2969</v>
      </c>
      <c r="F49" s="22"/>
      <c r="G49" s="21" t="s">
        <v>94</v>
      </c>
      <c r="H49" s="20"/>
      <c r="I49" s="16">
        <v>5552</v>
      </c>
      <c r="J49" s="22">
        <v>2203</v>
      </c>
      <c r="K49" s="22">
        <v>3349</v>
      </c>
    </row>
    <row r="50" spans="1:11" ht="15" customHeight="1">
      <c r="A50" s="20" t="s">
        <v>95</v>
      </c>
      <c r="B50" s="20"/>
      <c r="C50" s="16">
        <v>6512</v>
      </c>
      <c r="D50" s="22">
        <v>3334</v>
      </c>
      <c r="E50" s="22">
        <v>3178</v>
      </c>
      <c r="F50" s="22"/>
      <c r="G50" s="21" t="s">
        <v>96</v>
      </c>
      <c r="H50" s="20"/>
      <c r="I50" s="16">
        <v>5582</v>
      </c>
      <c r="J50" s="22">
        <v>2172</v>
      </c>
      <c r="K50" s="22">
        <v>3410</v>
      </c>
    </row>
    <row r="51" spans="1:11" ht="15" customHeight="1">
      <c r="A51" s="20" t="s">
        <v>97</v>
      </c>
      <c r="B51" s="20"/>
      <c r="C51" s="16">
        <v>6843</v>
      </c>
      <c r="D51" s="22">
        <v>3477</v>
      </c>
      <c r="E51" s="22">
        <v>3366</v>
      </c>
      <c r="F51" s="22"/>
      <c r="G51" s="21" t="s">
        <v>98</v>
      </c>
      <c r="H51" s="20"/>
      <c r="I51" s="16">
        <v>4470</v>
      </c>
      <c r="J51" s="22">
        <v>1659</v>
      </c>
      <c r="K51" s="22">
        <v>2811</v>
      </c>
    </row>
    <row r="52" spans="1:11" ht="15" customHeight="1">
      <c r="A52" s="20" t="s">
        <v>99</v>
      </c>
      <c r="B52" s="20"/>
      <c r="C52" s="16">
        <v>7070</v>
      </c>
      <c r="D52" s="22">
        <v>3550</v>
      </c>
      <c r="E52" s="22">
        <v>3520</v>
      </c>
      <c r="F52" s="22"/>
      <c r="G52" s="21" t="s">
        <v>100</v>
      </c>
      <c r="H52" s="20"/>
      <c r="I52" s="16">
        <v>4216</v>
      </c>
      <c r="J52" s="22">
        <v>1486</v>
      </c>
      <c r="K52" s="22">
        <v>2730</v>
      </c>
    </row>
    <row r="53" spans="1:11" ht="20.100000000000001" customHeight="1">
      <c r="A53" s="20" t="s">
        <v>101</v>
      </c>
      <c r="B53" s="20"/>
      <c r="C53" s="16">
        <v>39336</v>
      </c>
      <c r="D53" s="17">
        <v>19675</v>
      </c>
      <c r="E53" s="17">
        <v>19661</v>
      </c>
      <c r="F53" s="17"/>
      <c r="G53" s="21" t="s">
        <v>102</v>
      </c>
      <c r="H53" s="20"/>
      <c r="I53" s="16">
        <v>12568</v>
      </c>
      <c r="J53" s="17">
        <v>3823</v>
      </c>
      <c r="K53" s="17">
        <v>8745</v>
      </c>
    </row>
    <row r="54" spans="1:11" ht="15" customHeight="1">
      <c r="A54" s="20" t="s">
        <v>103</v>
      </c>
      <c r="B54" s="20"/>
      <c r="C54" s="16">
        <v>7180</v>
      </c>
      <c r="D54" s="22">
        <v>3622</v>
      </c>
      <c r="E54" s="22">
        <v>3558</v>
      </c>
      <c r="F54" s="22"/>
      <c r="G54" s="21" t="s">
        <v>104</v>
      </c>
      <c r="H54" s="20"/>
      <c r="I54" s="16">
        <v>3478</v>
      </c>
      <c r="J54" s="22">
        <v>1182</v>
      </c>
      <c r="K54" s="22">
        <v>2296</v>
      </c>
    </row>
    <row r="55" spans="1:11" ht="15" customHeight="1">
      <c r="A55" s="20" t="s">
        <v>105</v>
      </c>
      <c r="B55" s="20"/>
      <c r="C55" s="16">
        <v>7350</v>
      </c>
      <c r="D55" s="22">
        <v>3666</v>
      </c>
      <c r="E55" s="22">
        <v>3684</v>
      </c>
      <c r="F55" s="22"/>
      <c r="G55" s="21" t="s">
        <v>106</v>
      </c>
      <c r="H55" s="20"/>
      <c r="I55" s="16">
        <v>2920</v>
      </c>
      <c r="J55" s="22">
        <v>889</v>
      </c>
      <c r="K55" s="22">
        <v>2031</v>
      </c>
    </row>
    <row r="56" spans="1:11" ht="15" customHeight="1">
      <c r="A56" s="20" t="s">
        <v>107</v>
      </c>
      <c r="B56" s="20"/>
      <c r="C56" s="16">
        <v>7660</v>
      </c>
      <c r="D56" s="22">
        <v>3810</v>
      </c>
      <c r="E56" s="22">
        <v>3850</v>
      </c>
      <c r="F56" s="22"/>
      <c r="G56" s="21" t="s">
        <v>108</v>
      </c>
      <c r="H56" s="20"/>
      <c r="I56" s="16">
        <v>2492</v>
      </c>
      <c r="J56" s="22">
        <v>775</v>
      </c>
      <c r="K56" s="22">
        <v>1717</v>
      </c>
    </row>
    <row r="57" spans="1:11" ht="15" customHeight="1">
      <c r="A57" s="20" t="s">
        <v>109</v>
      </c>
      <c r="B57" s="20"/>
      <c r="C57" s="16">
        <v>8457</v>
      </c>
      <c r="D57" s="22">
        <v>4228</v>
      </c>
      <c r="E57" s="22">
        <v>4229</v>
      </c>
      <c r="F57" s="22"/>
      <c r="G57" s="21" t="s">
        <v>110</v>
      </c>
      <c r="H57" s="20"/>
      <c r="I57" s="16">
        <v>2054</v>
      </c>
      <c r="J57" s="22">
        <v>551</v>
      </c>
      <c r="K57" s="22">
        <v>1503</v>
      </c>
    </row>
    <row r="58" spans="1:11" ht="15" customHeight="1">
      <c r="A58" s="20" t="s">
        <v>111</v>
      </c>
      <c r="B58" s="20"/>
      <c r="C58" s="16">
        <v>8689</v>
      </c>
      <c r="D58" s="22">
        <v>4349</v>
      </c>
      <c r="E58" s="22">
        <v>4340</v>
      </c>
      <c r="F58" s="22"/>
      <c r="G58" s="21" t="s">
        <v>112</v>
      </c>
      <c r="H58" s="20"/>
      <c r="I58" s="16">
        <v>1624</v>
      </c>
      <c r="J58" s="22">
        <v>426</v>
      </c>
      <c r="K58" s="22">
        <v>1198</v>
      </c>
    </row>
    <row r="59" spans="1:11" ht="20.100000000000001" customHeight="1">
      <c r="A59" s="20" t="s">
        <v>113</v>
      </c>
      <c r="B59" s="20"/>
      <c r="C59" s="16">
        <v>51592</v>
      </c>
      <c r="D59" s="17">
        <v>25961</v>
      </c>
      <c r="E59" s="17">
        <v>25631</v>
      </c>
      <c r="F59" s="17"/>
      <c r="G59" s="21" t="s">
        <v>114</v>
      </c>
      <c r="H59" s="20"/>
      <c r="I59" s="16">
        <v>3452</v>
      </c>
      <c r="J59" s="17">
        <v>759</v>
      </c>
      <c r="K59" s="17">
        <v>2693</v>
      </c>
    </row>
    <row r="60" spans="1:11" ht="15" customHeight="1">
      <c r="A60" s="20" t="s">
        <v>115</v>
      </c>
      <c r="B60" s="20"/>
      <c r="C60" s="16">
        <v>9119</v>
      </c>
      <c r="D60" s="22">
        <v>4600</v>
      </c>
      <c r="E60" s="22">
        <v>4519</v>
      </c>
      <c r="F60" s="22"/>
      <c r="G60" s="21" t="s">
        <v>116</v>
      </c>
      <c r="H60" s="20"/>
      <c r="I60" s="16">
        <v>1208</v>
      </c>
      <c r="J60" s="22">
        <v>284</v>
      </c>
      <c r="K60" s="22">
        <v>924</v>
      </c>
    </row>
    <row r="61" spans="1:11" ht="15" customHeight="1">
      <c r="A61" s="20" t="s">
        <v>117</v>
      </c>
      <c r="B61" s="20"/>
      <c r="C61" s="16">
        <v>9806</v>
      </c>
      <c r="D61" s="22">
        <v>4904</v>
      </c>
      <c r="E61" s="22">
        <v>4902</v>
      </c>
      <c r="F61" s="22"/>
      <c r="G61" s="21" t="s">
        <v>118</v>
      </c>
      <c r="H61" s="20"/>
      <c r="I61" s="16">
        <v>838</v>
      </c>
      <c r="J61" s="22">
        <v>213</v>
      </c>
      <c r="K61" s="22">
        <v>625</v>
      </c>
    </row>
    <row r="62" spans="1:11" ht="15" customHeight="1">
      <c r="A62" s="20" t="s">
        <v>119</v>
      </c>
      <c r="B62" s="20"/>
      <c r="C62" s="16">
        <v>10109</v>
      </c>
      <c r="D62" s="22">
        <v>5130</v>
      </c>
      <c r="E62" s="22">
        <v>4979</v>
      </c>
      <c r="F62" s="22"/>
      <c r="G62" s="21" t="s">
        <v>120</v>
      </c>
      <c r="H62" s="20"/>
      <c r="I62" s="16">
        <v>687</v>
      </c>
      <c r="J62" s="22">
        <v>133</v>
      </c>
      <c r="K62" s="22">
        <v>554</v>
      </c>
    </row>
    <row r="63" spans="1:11" ht="15" customHeight="1">
      <c r="A63" s="20" t="s">
        <v>121</v>
      </c>
      <c r="B63" s="20"/>
      <c r="C63" s="16">
        <v>10825</v>
      </c>
      <c r="D63" s="22">
        <v>5453</v>
      </c>
      <c r="E63" s="22">
        <v>5372</v>
      </c>
      <c r="F63" s="22"/>
      <c r="G63" s="21" t="s">
        <v>122</v>
      </c>
      <c r="H63" s="20"/>
      <c r="I63" s="16">
        <v>426</v>
      </c>
      <c r="J63" s="22">
        <v>74</v>
      </c>
      <c r="K63" s="22">
        <v>352</v>
      </c>
    </row>
    <row r="64" spans="1:11" ht="15" customHeight="1">
      <c r="A64" s="20" t="s">
        <v>123</v>
      </c>
      <c r="B64" s="20"/>
      <c r="C64" s="16">
        <v>11733</v>
      </c>
      <c r="D64" s="22">
        <v>5874</v>
      </c>
      <c r="E64" s="22">
        <v>5859</v>
      </c>
      <c r="F64" s="22"/>
      <c r="G64" s="21" t="s">
        <v>124</v>
      </c>
      <c r="H64" s="20"/>
      <c r="I64" s="16">
        <v>293</v>
      </c>
      <c r="J64" s="22">
        <v>55</v>
      </c>
      <c r="K64" s="22">
        <v>238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592</v>
      </c>
      <c r="J65" s="22">
        <v>78</v>
      </c>
      <c r="K65" s="22">
        <v>514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3815</v>
      </c>
      <c r="J66" s="32">
        <v>1930</v>
      </c>
      <c r="K66" s="32">
        <v>1885</v>
      </c>
    </row>
    <row r="68" spans="1:11">
      <c r="F68" s="2"/>
    </row>
    <row r="75" spans="1:11">
      <c r="F75" s="25"/>
    </row>
    <row r="76" spans="1:11">
      <c r="F76" s="26"/>
    </row>
    <row r="77" spans="1:11">
      <c r="F77" s="26"/>
    </row>
    <row r="78" spans="1:11">
      <c r="F78" s="26"/>
    </row>
    <row r="79" spans="1:11">
      <c r="F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61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34" t="s">
        <v>2</v>
      </c>
      <c r="D3" s="34" t="s">
        <v>3</v>
      </c>
      <c r="E3" s="34" t="s">
        <v>4</v>
      </c>
      <c r="F3" s="35"/>
      <c r="G3" s="15" t="s">
        <v>1</v>
      </c>
      <c r="H3" s="13"/>
      <c r="I3" s="34" t="s">
        <v>2</v>
      </c>
      <c r="J3" s="34" t="s">
        <v>3</v>
      </c>
      <c r="K3" s="34" t="s">
        <v>4</v>
      </c>
    </row>
    <row r="4" spans="1:11" ht="19.5" customHeight="1">
      <c r="A4" s="2" t="s">
        <v>2</v>
      </c>
      <c r="B4" s="2"/>
      <c r="C4" s="36">
        <v>294981</v>
      </c>
      <c r="D4" s="37">
        <v>152050</v>
      </c>
      <c r="E4" s="37">
        <v>142931</v>
      </c>
      <c r="F4" s="37"/>
      <c r="G4" s="18"/>
      <c r="H4" s="1"/>
      <c r="I4" s="38"/>
      <c r="J4" s="2"/>
      <c r="K4" s="2"/>
    </row>
    <row r="5" spans="1:11" ht="19.5" customHeight="1">
      <c r="A5" s="20" t="s">
        <v>5</v>
      </c>
      <c r="B5" s="20"/>
      <c r="C5" s="36">
        <v>10437</v>
      </c>
      <c r="D5" s="37">
        <v>5327</v>
      </c>
      <c r="E5" s="37">
        <v>5110</v>
      </c>
      <c r="F5" s="37"/>
      <c r="G5" s="21" t="s">
        <v>6</v>
      </c>
      <c r="H5" s="20"/>
      <c r="I5" s="36">
        <v>24503</v>
      </c>
      <c r="J5" s="37">
        <v>13235</v>
      </c>
      <c r="K5" s="37">
        <v>11268</v>
      </c>
    </row>
    <row r="6" spans="1:11" ht="15" customHeight="1">
      <c r="A6" s="20" t="s">
        <v>7</v>
      </c>
      <c r="B6" s="20"/>
      <c r="C6" s="36">
        <v>1943</v>
      </c>
      <c r="D6" s="22">
        <v>982</v>
      </c>
      <c r="E6" s="22">
        <v>961</v>
      </c>
      <c r="F6" s="22"/>
      <c r="G6" s="21" t="s">
        <v>8</v>
      </c>
      <c r="H6" s="20"/>
      <c r="I6" s="36">
        <v>5247</v>
      </c>
      <c r="J6" s="22">
        <v>2803</v>
      </c>
      <c r="K6" s="22">
        <v>2444</v>
      </c>
    </row>
    <row r="7" spans="1:11" ht="15" customHeight="1">
      <c r="A7" s="20" t="s">
        <v>9</v>
      </c>
      <c r="B7" s="20"/>
      <c r="C7" s="36">
        <v>1997</v>
      </c>
      <c r="D7" s="22">
        <v>1000</v>
      </c>
      <c r="E7" s="22">
        <v>997</v>
      </c>
      <c r="F7" s="22"/>
      <c r="G7" s="21" t="s">
        <v>10</v>
      </c>
      <c r="H7" s="20"/>
      <c r="I7" s="36">
        <v>5050</v>
      </c>
      <c r="J7" s="22">
        <v>2745</v>
      </c>
      <c r="K7" s="22">
        <v>2305</v>
      </c>
    </row>
    <row r="8" spans="1:11" ht="15" customHeight="1">
      <c r="A8" s="20" t="s">
        <v>11</v>
      </c>
      <c r="B8" s="20"/>
      <c r="C8" s="36">
        <v>2038</v>
      </c>
      <c r="D8" s="22">
        <v>1052</v>
      </c>
      <c r="E8" s="22">
        <v>986</v>
      </c>
      <c r="F8" s="22"/>
      <c r="G8" s="21" t="s">
        <v>12</v>
      </c>
      <c r="H8" s="20"/>
      <c r="I8" s="36">
        <v>4896</v>
      </c>
      <c r="J8" s="22">
        <v>2601</v>
      </c>
      <c r="K8" s="22">
        <v>2295</v>
      </c>
    </row>
    <row r="9" spans="1:11" ht="15" customHeight="1">
      <c r="A9" s="20" t="s">
        <v>13</v>
      </c>
      <c r="B9" s="20"/>
      <c r="C9" s="36">
        <v>2170</v>
      </c>
      <c r="D9" s="22">
        <v>1146</v>
      </c>
      <c r="E9" s="22">
        <v>1024</v>
      </c>
      <c r="F9" s="22"/>
      <c r="G9" s="21" t="s">
        <v>14</v>
      </c>
      <c r="H9" s="20"/>
      <c r="I9" s="36">
        <v>4652</v>
      </c>
      <c r="J9" s="22">
        <v>2498</v>
      </c>
      <c r="K9" s="22">
        <v>2154</v>
      </c>
    </row>
    <row r="10" spans="1:11" ht="15" customHeight="1">
      <c r="A10" s="20" t="s">
        <v>15</v>
      </c>
      <c r="B10" s="20"/>
      <c r="C10" s="36">
        <v>2289</v>
      </c>
      <c r="D10" s="22">
        <v>1147</v>
      </c>
      <c r="E10" s="22">
        <v>1142</v>
      </c>
      <c r="F10" s="22"/>
      <c r="G10" s="21" t="s">
        <v>16</v>
      </c>
      <c r="H10" s="20"/>
      <c r="I10" s="36">
        <v>4658</v>
      </c>
      <c r="J10" s="22">
        <v>2588</v>
      </c>
      <c r="K10" s="22">
        <v>2070</v>
      </c>
    </row>
    <row r="11" spans="1:11" ht="20.100000000000001" customHeight="1">
      <c r="A11" s="20" t="s">
        <v>17</v>
      </c>
      <c r="B11" s="20"/>
      <c r="C11" s="36">
        <v>12186</v>
      </c>
      <c r="D11" s="37">
        <v>6233</v>
      </c>
      <c r="E11" s="37">
        <v>5953</v>
      </c>
      <c r="F11" s="37"/>
      <c r="G11" s="39" t="s">
        <v>18</v>
      </c>
      <c r="H11" s="40"/>
      <c r="I11" s="36">
        <v>19553</v>
      </c>
      <c r="J11" s="37">
        <v>10558</v>
      </c>
      <c r="K11" s="37">
        <v>8995</v>
      </c>
    </row>
    <row r="12" spans="1:11" ht="15" customHeight="1">
      <c r="A12" s="20" t="s">
        <v>19</v>
      </c>
      <c r="B12" s="20"/>
      <c r="C12" s="36">
        <v>2286</v>
      </c>
      <c r="D12" s="22">
        <v>1210</v>
      </c>
      <c r="E12" s="22">
        <v>1076</v>
      </c>
      <c r="F12" s="22"/>
      <c r="G12" s="21" t="s">
        <v>20</v>
      </c>
      <c r="H12" s="20"/>
      <c r="I12" s="36">
        <v>4679</v>
      </c>
      <c r="J12" s="22">
        <v>2515</v>
      </c>
      <c r="K12" s="22">
        <v>2164</v>
      </c>
    </row>
    <row r="13" spans="1:11" ht="15" customHeight="1">
      <c r="A13" s="20" t="s">
        <v>21</v>
      </c>
      <c r="B13" s="20"/>
      <c r="C13" s="36">
        <v>2379</v>
      </c>
      <c r="D13" s="22">
        <v>1203</v>
      </c>
      <c r="E13" s="22">
        <v>1176</v>
      </c>
      <c r="F13" s="22"/>
      <c r="G13" s="21" t="s">
        <v>22</v>
      </c>
      <c r="H13" s="20"/>
      <c r="I13" s="36">
        <v>3254</v>
      </c>
      <c r="J13" s="22">
        <v>1755</v>
      </c>
      <c r="K13" s="22">
        <v>1499</v>
      </c>
    </row>
    <row r="14" spans="1:11" ht="15" customHeight="1">
      <c r="A14" s="20" t="s">
        <v>23</v>
      </c>
      <c r="B14" s="20"/>
      <c r="C14" s="36">
        <v>2561</v>
      </c>
      <c r="D14" s="22">
        <v>1271</v>
      </c>
      <c r="E14" s="22">
        <v>1290</v>
      </c>
      <c r="F14" s="22"/>
      <c r="G14" s="21" t="s">
        <v>24</v>
      </c>
      <c r="H14" s="20"/>
      <c r="I14" s="36">
        <v>4143</v>
      </c>
      <c r="J14" s="22">
        <v>2290</v>
      </c>
      <c r="K14" s="22">
        <v>1853</v>
      </c>
    </row>
    <row r="15" spans="1:11" ht="15" customHeight="1">
      <c r="A15" s="20" t="s">
        <v>25</v>
      </c>
      <c r="B15" s="20"/>
      <c r="C15" s="36">
        <v>2522</v>
      </c>
      <c r="D15" s="22">
        <v>1302</v>
      </c>
      <c r="E15" s="22">
        <v>1220</v>
      </c>
      <c r="F15" s="22"/>
      <c r="G15" s="21" t="s">
        <v>26</v>
      </c>
      <c r="H15" s="20"/>
      <c r="I15" s="36">
        <v>3833</v>
      </c>
      <c r="J15" s="22">
        <v>2030</v>
      </c>
      <c r="K15" s="22">
        <v>1803</v>
      </c>
    </row>
    <row r="16" spans="1:11" ht="15" customHeight="1">
      <c r="A16" s="20" t="s">
        <v>27</v>
      </c>
      <c r="B16" s="20"/>
      <c r="C16" s="36">
        <v>2438</v>
      </c>
      <c r="D16" s="22">
        <v>1247</v>
      </c>
      <c r="E16" s="22">
        <v>1191</v>
      </c>
      <c r="F16" s="22"/>
      <c r="G16" s="21" t="s">
        <v>28</v>
      </c>
      <c r="H16" s="20"/>
      <c r="I16" s="36">
        <v>3644</v>
      </c>
      <c r="J16" s="22">
        <v>1968</v>
      </c>
      <c r="K16" s="22">
        <v>1676</v>
      </c>
    </row>
    <row r="17" spans="1:11" ht="20.100000000000001" customHeight="1">
      <c r="A17" s="24" t="s">
        <v>29</v>
      </c>
      <c r="B17" s="24"/>
      <c r="C17" s="36">
        <v>12545</v>
      </c>
      <c r="D17" s="37">
        <v>6482</v>
      </c>
      <c r="E17" s="37">
        <v>6063</v>
      </c>
      <c r="F17" s="37"/>
      <c r="G17" s="39" t="s">
        <v>30</v>
      </c>
      <c r="H17" s="40"/>
      <c r="I17" s="36">
        <v>15857</v>
      </c>
      <c r="J17" s="37">
        <v>8423</v>
      </c>
      <c r="K17" s="37">
        <v>7434</v>
      </c>
    </row>
    <row r="18" spans="1:11" ht="15" customHeight="1">
      <c r="A18" s="20" t="s">
        <v>31</v>
      </c>
      <c r="B18" s="20"/>
      <c r="C18" s="36">
        <v>2598</v>
      </c>
      <c r="D18" s="22">
        <v>1348</v>
      </c>
      <c r="E18" s="22">
        <v>1250</v>
      </c>
      <c r="F18" s="22"/>
      <c r="G18" s="21" t="s">
        <v>32</v>
      </c>
      <c r="H18" s="20"/>
      <c r="I18" s="36">
        <v>3514</v>
      </c>
      <c r="J18" s="22">
        <v>1941</v>
      </c>
      <c r="K18" s="22">
        <v>1573</v>
      </c>
    </row>
    <row r="19" spans="1:11" ht="15" customHeight="1">
      <c r="A19" s="20" t="s">
        <v>33</v>
      </c>
      <c r="B19" s="20"/>
      <c r="C19" s="36">
        <v>2529</v>
      </c>
      <c r="D19" s="22">
        <v>1312</v>
      </c>
      <c r="E19" s="22">
        <v>1217</v>
      </c>
      <c r="F19" s="22"/>
      <c r="G19" s="21" t="s">
        <v>34</v>
      </c>
      <c r="H19" s="20"/>
      <c r="I19" s="36">
        <v>3180</v>
      </c>
      <c r="J19" s="22">
        <v>1703</v>
      </c>
      <c r="K19" s="22">
        <v>1477</v>
      </c>
    </row>
    <row r="20" spans="1:11" ht="15" customHeight="1">
      <c r="A20" s="20" t="s">
        <v>35</v>
      </c>
      <c r="B20" s="20"/>
      <c r="C20" s="36">
        <v>2503</v>
      </c>
      <c r="D20" s="22">
        <v>1246</v>
      </c>
      <c r="E20" s="22">
        <v>1257</v>
      </c>
      <c r="F20" s="22"/>
      <c r="G20" s="21" t="s">
        <v>36</v>
      </c>
      <c r="H20" s="20"/>
      <c r="I20" s="36">
        <v>3189</v>
      </c>
      <c r="J20" s="22">
        <v>1674</v>
      </c>
      <c r="K20" s="22">
        <v>1515</v>
      </c>
    </row>
    <row r="21" spans="1:11" ht="15" customHeight="1">
      <c r="A21" s="20" t="s">
        <v>37</v>
      </c>
      <c r="B21" s="20"/>
      <c r="C21" s="36">
        <v>2423</v>
      </c>
      <c r="D21" s="22">
        <v>1283</v>
      </c>
      <c r="E21" s="22">
        <v>1140</v>
      </c>
      <c r="F21" s="22"/>
      <c r="G21" s="21" t="s">
        <v>38</v>
      </c>
      <c r="H21" s="20"/>
      <c r="I21" s="36">
        <v>3036</v>
      </c>
      <c r="J21" s="22">
        <v>1625</v>
      </c>
      <c r="K21" s="22">
        <v>1411</v>
      </c>
    </row>
    <row r="22" spans="1:11" ht="15" customHeight="1">
      <c r="A22" s="20" t="s">
        <v>39</v>
      </c>
      <c r="B22" s="20"/>
      <c r="C22" s="36">
        <v>2492</v>
      </c>
      <c r="D22" s="22">
        <v>1293</v>
      </c>
      <c r="E22" s="22">
        <v>1199</v>
      </c>
      <c r="F22" s="22"/>
      <c r="G22" s="21" t="s">
        <v>40</v>
      </c>
      <c r="H22" s="20"/>
      <c r="I22" s="36">
        <v>2938</v>
      </c>
      <c r="J22" s="22">
        <v>1480</v>
      </c>
      <c r="K22" s="22">
        <v>1458</v>
      </c>
    </row>
    <row r="23" spans="1:11" ht="20.100000000000001" customHeight="1">
      <c r="A23" s="40" t="s">
        <v>41</v>
      </c>
      <c r="B23" s="40"/>
      <c r="C23" s="36">
        <v>11912</v>
      </c>
      <c r="D23" s="37">
        <v>6122</v>
      </c>
      <c r="E23" s="37">
        <v>5790</v>
      </c>
      <c r="F23" s="37"/>
      <c r="G23" s="39" t="s">
        <v>42</v>
      </c>
      <c r="H23" s="40"/>
      <c r="I23" s="36">
        <v>13831</v>
      </c>
      <c r="J23" s="37">
        <v>7076</v>
      </c>
      <c r="K23" s="37">
        <v>6755</v>
      </c>
    </row>
    <row r="24" spans="1:11" ht="15" customHeight="1">
      <c r="A24" s="20" t="s">
        <v>43</v>
      </c>
      <c r="B24" s="20"/>
      <c r="C24" s="36">
        <v>2373</v>
      </c>
      <c r="D24" s="22">
        <v>1201</v>
      </c>
      <c r="E24" s="22">
        <v>1172</v>
      </c>
      <c r="F24" s="22"/>
      <c r="G24" s="21" t="s">
        <v>44</v>
      </c>
      <c r="H24" s="20"/>
      <c r="I24" s="36">
        <v>2640</v>
      </c>
      <c r="J24" s="22">
        <v>1320</v>
      </c>
      <c r="K24" s="22">
        <v>1320</v>
      </c>
    </row>
    <row r="25" spans="1:11" ht="15" customHeight="1">
      <c r="A25" s="20" t="s">
        <v>45</v>
      </c>
      <c r="B25" s="20"/>
      <c r="C25" s="36">
        <v>2436</v>
      </c>
      <c r="D25" s="22">
        <v>1314</v>
      </c>
      <c r="E25" s="22">
        <v>1122</v>
      </c>
      <c r="F25" s="22"/>
      <c r="G25" s="21" t="s">
        <v>46</v>
      </c>
      <c r="H25" s="20"/>
      <c r="I25" s="36">
        <v>2772</v>
      </c>
      <c r="J25" s="22">
        <v>1417</v>
      </c>
      <c r="K25" s="22">
        <v>1355</v>
      </c>
    </row>
    <row r="26" spans="1:11" ht="15" customHeight="1">
      <c r="A26" s="20" t="s">
        <v>47</v>
      </c>
      <c r="B26" s="20"/>
      <c r="C26" s="36">
        <v>2254</v>
      </c>
      <c r="D26" s="22">
        <v>1110</v>
      </c>
      <c r="E26" s="22">
        <v>1144</v>
      </c>
      <c r="F26" s="22"/>
      <c r="G26" s="21" t="s">
        <v>48</v>
      </c>
      <c r="H26" s="20"/>
      <c r="I26" s="36">
        <v>2787</v>
      </c>
      <c r="J26" s="22">
        <v>1466</v>
      </c>
      <c r="K26" s="22">
        <v>1321</v>
      </c>
    </row>
    <row r="27" spans="1:11" ht="15" customHeight="1">
      <c r="A27" s="20" t="s">
        <v>49</v>
      </c>
      <c r="B27" s="20"/>
      <c r="C27" s="36">
        <v>2388</v>
      </c>
      <c r="D27" s="22">
        <v>1221</v>
      </c>
      <c r="E27" s="22">
        <v>1167</v>
      </c>
      <c r="F27" s="22"/>
      <c r="G27" s="21" t="s">
        <v>50</v>
      </c>
      <c r="H27" s="20"/>
      <c r="I27" s="36">
        <v>2831</v>
      </c>
      <c r="J27" s="22">
        <v>1452</v>
      </c>
      <c r="K27" s="22">
        <v>1379</v>
      </c>
    </row>
    <row r="28" spans="1:11" ht="15" customHeight="1">
      <c r="A28" s="20" t="s">
        <v>51</v>
      </c>
      <c r="B28" s="20"/>
      <c r="C28" s="36">
        <v>2461</v>
      </c>
      <c r="D28" s="22">
        <v>1276</v>
      </c>
      <c r="E28" s="22">
        <v>1185</v>
      </c>
      <c r="F28" s="22"/>
      <c r="G28" s="21" t="s">
        <v>52</v>
      </c>
      <c r="H28" s="20"/>
      <c r="I28" s="36">
        <v>2801</v>
      </c>
      <c r="J28" s="22">
        <v>1421</v>
      </c>
      <c r="K28" s="22">
        <v>1380</v>
      </c>
    </row>
    <row r="29" spans="1:11" ht="20.100000000000001" customHeight="1">
      <c r="A29" s="40" t="s">
        <v>53</v>
      </c>
      <c r="B29" s="40"/>
      <c r="C29" s="36">
        <v>15908</v>
      </c>
      <c r="D29" s="37">
        <v>8196</v>
      </c>
      <c r="E29" s="37">
        <v>7712</v>
      </c>
      <c r="F29" s="37"/>
      <c r="G29" s="39" t="s">
        <v>54</v>
      </c>
      <c r="H29" s="40"/>
      <c r="I29" s="36">
        <v>16154</v>
      </c>
      <c r="J29" s="37">
        <v>7982</v>
      </c>
      <c r="K29" s="37">
        <v>8172</v>
      </c>
    </row>
    <row r="30" spans="1:11" ht="15" customHeight="1">
      <c r="A30" s="20" t="s">
        <v>55</v>
      </c>
      <c r="B30" s="20"/>
      <c r="C30" s="36">
        <v>2609</v>
      </c>
      <c r="D30" s="22">
        <v>1302</v>
      </c>
      <c r="E30" s="22">
        <v>1307</v>
      </c>
      <c r="F30" s="22">
        <v>1307</v>
      </c>
      <c r="G30" s="21" t="s">
        <v>56</v>
      </c>
      <c r="H30" s="20"/>
      <c r="I30" s="36">
        <v>2903</v>
      </c>
      <c r="J30" s="22">
        <v>1442</v>
      </c>
      <c r="K30" s="22">
        <v>1461</v>
      </c>
    </row>
    <row r="31" spans="1:11" ht="15" customHeight="1">
      <c r="A31" s="20" t="s">
        <v>57</v>
      </c>
      <c r="B31" s="20"/>
      <c r="C31" s="36">
        <v>2861</v>
      </c>
      <c r="D31" s="22">
        <v>1459</v>
      </c>
      <c r="E31" s="22">
        <v>1402</v>
      </c>
      <c r="F31" s="22">
        <v>1402</v>
      </c>
      <c r="G31" s="21" t="s">
        <v>58</v>
      </c>
      <c r="H31" s="20"/>
      <c r="I31" s="36">
        <v>2965</v>
      </c>
      <c r="J31" s="22">
        <v>1506</v>
      </c>
      <c r="K31" s="22">
        <v>1459</v>
      </c>
    </row>
    <row r="32" spans="1:11" ht="15" customHeight="1">
      <c r="A32" s="20" t="s">
        <v>59</v>
      </c>
      <c r="B32" s="20"/>
      <c r="C32" s="36">
        <v>3112</v>
      </c>
      <c r="D32" s="22">
        <v>1613</v>
      </c>
      <c r="E32" s="22">
        <v>1499</v>
      </c>
      <c r="F32" s="22">
        <v>1499</v>
      </c>
      <c r="G32" s="21" t="s">
        <v>60</v>
      </c>
      <c r="H32" s="20"/>
      <c r="I32" s="36">
        <v>3192</v>
      </c>
      <c r="J32" s="22">
        <v>1536</v>
      </c>
      <c r="K32" s="22">
        <v>1656</v>
      </c>
    </row>
    <row r="33" spans="1:11" ht="15" customHeight="1">
      <c r="A33" s="20" t="s">
        <v>61</v>
      </c>
      <c r="B33" s="20"/>
      <c r="C33" s="36">
        <v>3565</v>
      </c>
      <c r="D33" s="22">
        <v>1841</v>
      </c>
      <c r="E33" s="22">
        <v>1724</v>
      </c>
      <c r="F33" s="22">
        <v>1724</v>
      </c>
      <c r="G33" s="21" t="s">
        <v>62</v>
      </c>
      <c r="H33" s="20"/>
      <c r="I33" s="36">
        <v>3556</v>
      </c>
      <c r="J33" s="22">
        <v>1821</v>
      </c>
      <c r="K33" s="22">
        <v>1735</v>
      </c>
    </row>
    <row r="34" spans="1:11" ht="15" customHeight="1">
      <c r="A34" s="20" t="s">
        <v>63</v>
      </c>
      <c r="B34" s="20"/>
      <c r="C34" s="36">
        <v>3761</v>
      </c>
      <c r="D34" s="22">
        <v>1981</v>
      </c>
      <c r="E34" s="22">
        <v>1780</v>
      </c>
      <c r="F34" s="22">
        <v>1780</v>
      </c>
      <c r="G34" s="21" t="s">
        <v>64</v>
      </c>
      <c r="H34" s="20"/>
      <c r="I34" s="36">
        <v>3538</v>
      </c>
      <c r="J34" s="22">
        <v>1677</v>
      </c>
      <c r="K34" s="22">
        <v>1861</v>
      </c>
    </row>
    <row r="35" spans="1:11" ht="20.100000000000001" customHeight="1">
      <c r="A35" s="40" t="s">
        <v>65</v>
      </c>
      <c r="B35" s="40"/>
      <c r="C35" s="36">
        <v>19128</v>
      </c>
      <c r="D35" s="37">
        <v>10407</v>
      </c>
      <c r="E35" s="37">
        <v>8721</v>
      </c>
      <c r="F35" s="37"/>
      <c r="G35" s="39" t="s">
        <v>66</v>
      </c>
      <c r="H35" s="40"/>
      <c r="I35" s="36">
        <v>12562</v>
      </c>
      <c r="J35" s="37">
        <v>5843</v>
      </c>
      <c r="K35" s="37">
        <v>6719</v>
      </c>
    </row>
    <row r="36" spans="1:11" ht="15" customHeight="1">
      <c r="A36" s="20" t="s">
        <v>67</v>
      </c>
      <c r="B36" s="20"/>
      <c r="C36" s="36">
        <v>3935</v>
      </c>
      <c r="D36" s="22">
        <v>2077</v>
      </c>
      <c r="E36" s="22">
        <v>1858</v>
      </c>
      <c r="F36" s="22"/>
      <c r="G36" s="21" t="s">
        <v>68</v>
      </c>
      <c r="H36" s="20"/>
      <c r="I36" s="36">
        <v>3385</v>
      </c>
      <c r="J36" s="22">
        <v>1603</v>
      </c>
      <c r="K36" s="22">
        <v>1782</v>
      </c>
    </row>
    <row r="37" spans="1:11" ht="15" customHeight="1">
      <c r="A37" s="20" t="s">
        <v>69</v>
      </c>
      <c r="B37" s="20"/>
      <c r="C37" s="36">
        <v>3909</v>
      </c>
      <c r="D37" s="22">
        <v>2140</v>
      </c>
      <c r="E37" s="22">
        <v>1769</v>
      </c>
      <c r="F37" s="22"/>
      <c r="G37" s="21" t="s">
        <v>70</v>
      </c>
      <c r="H37" s="20"/>
      <c r="I37" s="36">
        <v>2262</v>
      </c>
      <c r="J37" s="22">
        <v>1045</v>
      </c>
      <c r="K37" s="22">
        <v>1217</v>
      </c>
    </row>
    <row r="38" spans="1:11" ht="15" customHeight="1">
      <c r="A38" s="20" t="s">
        <v>71</v>
      </c>
      <c r="B38" s="20"/>
      <c r="C38" s="36">
        <v>3684</v>
      </c>
      <c r="D38" s="22">
        <v>2013</v>
      </c>
      <c r="E38" s="22">
        <v>1671</v>
      </c>
      <c r="F38" s="22"/>
      <c r="G38" s="21" t="s">
        <v>72</v>
      </c>
      <c r="H38" s="20"/>
      <c r="I38" s="36">
        <v>2020</v>
      </c>
      <c r="J38" s="22">
        <v>974</v>
      </c>
      <c r="K38" s="22">
        <v>1046</v>
      </c>
    </row>
    <row r="39" spans="1:11" ht="15" customHeight="1">
      <c r="A39" s="20" t="s">
        <v>73</v>
      </c>
      <c r="B39" s="20"/>
      <c r="C39" s="36">
        <v>3962</v>
      </c>
      <c r="D39" s="22">
        <v>2169</v>
      </c>
      <c r="E39" s="22">
        <v>1793</v>
      </c>
      <c r="F39" s="22"/>
      <c r="G39" s="21" t="s">
        <v>74</v>
      </c>
      <c r="H39" s="20"/>
      <c r="I39" s="36">
        <v>2428</v>
      </c>
      <c r="J39" s="22">
        <v>1113</v>
      </c>
      <c r="K39" s="22">
        <v>1315</v>
      </c>
    </row>
    <row r="40" spans="1:11" ht="15" customHeight="1">
      <c r="A40" s="20" t="s">
        <v>75</v>
      </c>
      <c r="B40" s="20"/>
      <c r="C40" s="36">
        <v>3638</v>
      </c>
      <c r="D40" s="22">
        <v>2008</v>
      </c>
      <c r="E40" s="22">
        <v>1630</v>
      </c>
      <c r="F40" s="22"/>
      <c r="G40" s="21" t="s">
        <v>76</v>
      </c>
      <c r="H40" s="20"/>
      <c r="I40" s="36">
        <v>2467</v>
      </c>
      <c r="J40" s="22">
        <v>1108</v>
      </c>
      <c r="K40" s="22">
        <v>1359</v>
      </c>
    </row>
    <row r="41" spans="1:11" ht="20.100000000000001" customHeight="1">
      <c r="A41" s="40" t="s">
        <v>77</v>
      </c>
      <c r="B41" s="40"/>
      <c r="C41" s="36">
        <v>17866</v>
      </c>
      <c r="D41" s="37">
        <v>9598</v>
      </c>
      <c r="E41" s="37">
        <v>8268</v>
      </c>
      <c r="F41" s="37"/>
      <c r="G41" s="39" t="s">
        <v>78</v>
      </c>
      <c r="H41" s="40"/>
      <c r="I41" s="36">
        <v>9343</v>
      </c>
      <c r="J41" s="37">
        <v>3853</v>
      </c>
      <c r="K41" s="37">
        <v>5490</v>
      </c>
    </row>
    <row r="42" spans="1:11" ht="15" customHeight="1">
      <c r="A42" s="20" t="s">
        <v>79</v>
      </c>
      <c r="B42" s="20"/>
      <c r="C42" s="36">
        <v>3492</v>
      </c>
      <c r="D42" s="22">
        <v>1855</v>
      </c>
      <c r="E42" s="22">
        <v>1637</v>
      </c>
      <c r="F42" s="22"/>
      <c r="G42" s="21" t="s">
        <v>80</v>
      </c>
      <c r="H42" s="20"/>
      <c r="I42" s="36">
        <v>2236</v>
      </c>
      <c r="J42" s="22">
        <v>966</v>
      </c>
      <c r="K42" s="22">
        <v>1270</v>
      </c>
    </row>
    <row r="43" spans="1:11" ht="15" customHeight="1">
      <c r="A43" s="20" t="s">
        <v>81</v>
      </c>
      <c r="B43" s="20"/>
      <c r="C43" s="36">
        <v>3512</v>
      </c>
      <c r="D43" s="22">
        <v>1926</v>
      </c>
      <c r="E43" s="22">
        <v>1586</v>
      </c>
      <c r="F43" s="22"/>
      <c r="G43" s="21" t="s">
        <v>82</v>
      </c>
      <c r="H43" s="20"/>
      <c r="I43" s="36">
        <v>2201</v>
      </c>
      <c r="J43" s="22">
        <v>923</v>
      </c>
      <c r="K43" s="22">
        <v>1278</v>
      </c>
    </row>
    <row r="44" spans="1:11" ht="15" customHeight="1">
      <c r="A44" s="20" t="s">
        <v>83</v>
      </c>
      <c r="B44" s="20"/>
      <c r="C44" s="36">
        <v>3585</v>
      </c>
      <c r="D44" s="22">
        <v>1940</v>
      </c>
      <c r="E44" s="22">
        <v>1645</v>
      </c>
      <c r="F44" s="22"/>
      <c r="G44" s="21" t="s">
        <v>84</v>
      </c>
      <c r="H44" s="20"/>
      <c r="I44" s="36">
        <v>1901</v>
      </c>
      <c r="J44" s="22">
        <v>809</v>
      </c>
      <c r="K44" s="22">
        <v>1092</v>
      </c>
    </row>
    <row r="45" spans="1:11" ht="15" customHeight="1">
      <c r="A45" s="20" t="s">
        <v>85</v>
      </c>
      <c r="B45" s="20"/>
      <c r="C45" s="36">
        <v>3523</v>
      </c>
      <c r="D45" s="22">
        <v>1879</v>
      </c>
      <c r="E45" s="22">
        <v>1644</v>
      </c>
      <c r="F45" s="22"/>
      <c r="G45" s="21" t="s">
        <v>86</v>
      </c>
      <c r="H45" s="20"/>
      <c r="I45" s="36">
        <v>1581</v>
      </c>
      <c r="J45" s="22">
        <v>610</v>
      </c>
      <c r="K45" s="22">
        <v>971</v>
      </c>
    </row>
    <row r="46" spans="1:11" ht="15" customHeight="1">
      <c r="A46" s="20" t="s">
        <v>87</v>
      </c>
      <c r="B46" s="20"/>
      <c r="C46" s="36">
        <v>3754</v>
      </c>
      <c r="D46" s="22">
        <v>1998</v>
      </c>
      <c r="E46" s="22">
        <v>1756</v>
      </c>
      <c r="F46" s="22"/>
      <c r="G46" s="21" t="s">
        <v>88</v>
      </c>
      <c r="H46" s="20"/>
      <c r="I46" s="36">
        <v>1424</v>
      </c>
      <c r="J46" s="22">
        <v>545</v>
      </c>
      <c r="K46" s="22">
        <v>879</v>
      </c>
    </row>
    <row r="47" spans="1:11" ht="20.100000000000001" customHeight="1">
      <c r="A47" s="40" t="s">
        <v>89</v>
      </c>
      <c r="B47" s="40"/>
      <c r="C47" s="36">
        <v>19392</v>
      </c>
      <c r="D47" s="37">
        <v>10257</v>
      </c>
      <c r="E47" s="37">
        <v>9135</v>
      </c>
      <c r="F47" s="37"/>
      <c r="G47" s="39" t="s">
        <v>90</v>
      </c>
      <c r="H47" s="40"/>
      <c r="I47" s="36">
        <v>6111</v>
      </c>
      <c r="J47" s="37">
        <v>2086</v>
      </c>
      <c r="K47" s="37">
        <v>4025</v>
      </c>
    </row>
    <row r="48" spans="1:11" ht="15" customHeight="1">
      <c r="A48" s="20" t="s">
        <v>91</v>
      </c>
      <c r="B48" s="20"/>
      <c r="C48" s="36">
        <v>3580</v>
      </c>
      <c r="D48" s="22">
        <v>1928</v>
      </c>
      <c r="E48" s="22">
        <v>1652</v>
      </c>
      <c r="F48" s="22"/>
      <c r="G48" s="21" t="s">
        <v>92</v>
      </c>
      <c r="H48" s="20"/>
      <c r="I48" s="36">
        <v>1514</v>
      </c>
      <c r="J48" s="22">
        <v>580</v>
      </c>
      <c r="K48" s="22">
        <v>934</v>
      </c>
    </row>
    <row r="49" spans="1:11" ht="15" customHeight="1">
      <c r="A49" s="20" t="s">
        <v>93</v>
      </c>
      <c r="B49" s="20"/>
      <c r="C49" s="36">
        <v>3678</v>
      </c>
      <c r="D49" s="22">
        <v>1918</v>
      </c>
      <c r="E49" s="22">
        <v>1760</v>
      </c>
      <c r="F49" s="22"/>
      <c r="G49" s="21" t="s">
        <v>94</v>
      </c>
      <c r="H49" s="20"/>
      <c r="I49" s="36">
        <v>1375</v>
      </c>
      <c r="J49" s="22">
        <v>469</v>
      </c>
      <c r="K49" s="22">
        <v>906</v>
      </c>
    </row>
    <row r="50" spans="1:11" ht="15" customHeight="1">
      <c r="A50" s="20" t="s">
        <v>95</v>
      </c>
      <c r="B50" s="20"/>
      <c r="C50" s="36">
        <v>3979</v>
      </c>
      <c r="D50" s="22">
        <v>2073</v>
      </c>
      <c r="E50" s="22">
        <v>1906</v>
      </c>
      <c r="F50" s="22"/>
      <c r="G50" s="21" t="s">
        <v>96</v>
      </c>
      <c r="H50" s="20"/>
      <c r="I50" s="36">
        <v>1261</v>
      </c>
      <c r="J50" s="22">
        <v>413</v>
      </c>
      <c r="K50" s="22">
        <v>848</v>
      </c>
    </row>
    <row r="51" spans="1:11" ht="15" customHeight="1">
      <c r="A51" s="20" t="s">
        <v>97</v>
      </c>
      <c r="B51" s="20"/>
      <c r="C51" s="36">
        <v>4029</v>
      </c>
      <c r="D51" s="22">
        <v>2145</v>
      </c>
      <c r="E51" s="22">
        <v>1884</v>
      </c>
      <c r="F51" s="22"/>
      <c r="G51" s="21" t="s">
        <v>98</v>
      </c>
      <c r="H51" s="20"/>
      <c r="I51" s="36">
        <v>1011</v>
      </c>
      <c r="J51" s="22">
        <v>333</v>
      </c>
      <c r="K51" s="22">
        <v>678</v>
      </c>
    </row>
    <row r="52" spans="1:11" ht="15" customHeight="1">
      <c r="A52" s="20" t="s">
        <v>99</v>
      </c>
      <c r="B52" s="20"/>
      <c r="C52" s="36">
        <v>4126</v>
      </c>
      <c r="D52" s="22">
        <v>2193</v>
      </c>
      <c r="E52" s="22">
        <v>1933</v>
      </c>
      <c r="F52" s="22"/>
      <c r="G52" s="21" t="s">
        <v>100</v>
      </c>
      <c r="H52" s="20"/>
      <c r="I52" s="36">
        <v>950</v>
      </c>
      <c r="J52" s="22">
        <v>291</v>
      </c>
      <c r="K52" s="22">
        <v>659</v>
      </c>
    </row>
    <row r="53" spans="1:11" ht="20.100000000000001" customHeight="1">
      <c r="A53" s="40" t="s">
        <v>101</v>
      </c>
      <c r="B53" s="40"/>
      <c r="C53" s="36">
        <v>20745</v>
      </c>
      <c r="D53" s="37">
        <v>11029</v>
      </c>
      <c r="E53" s="37">
        <v>9716</v>
      </c>
      <c r="F53" s="37"/>
      <c r="G53" s="39" t="s">
        <v>102</v>
      </c>
      <c r="H53" s="40"/>
      <c r="I53" s="36">
        <v>2813</v>
      </c>
      <c r="J53" s="37">
        <v>809</v>
      </c>
      <c r="K53" s="37">
        <v>2004</v>
      </c>
    </row>
    <row r="54" spans="1:11" ht="15" customHeight="1">
      <c r="A54" s="20" t="s">
        <v>103</v>
      </c>
      <c r="B54" s="20"/>
      <c r="C54" s="36">
        <v>4070</v>
      </c>
      <c r="D54" s="22">
        <v>2148</v>
      </c>
      <c r="E54" s="22">
        <v>1922</v>
      </c>
      <c r="F54" s="22"/>
      <c r="G54" s="21" t="s">
        <v>104</v>
      </c>
      <c r="H54" s="20"/>
      <c r="I54" s="36">
        <v>828</v>
      </c>
      <c r="J54" s="22">
        <v>259</v>
      </c>
      <c r="K54" s="22">
        <v>569</v>
      </c>
    </row>
    <row r="55" spans="1:11" ht="15" customHeight="1">
      <c r="A55" s="20" t="s">
        <v>105</v>
      </c>
      <c r="B55" s="20"/>
      <c r="C55" s="36">
        <v>4156</v>
      </c>
      <c r="D55" s="22">
        <v>2162</v>
      </c>
      <c r="E55" s="22">
        <v>1994</v>
      </c>
      <c r="F55" s="22"/>
      <c r="G55" s="21" t="s">
        <v>106</v>
      </c>
      <c r="H55" s="20"/>
      <c r="I55" s="36">
        <v>681</v>
      </c>
      <c r="J55" s="22">
        <v>192</v>
      </c>
      <c r="K55" s="22">
        <v>489</v>
      </c>
    </row>
    <row r="56" spans="1:11" ht="15" customHeight="1">
      <c r="A56" s="20" t="s">
        <v>107</v>
      </c>
      <c r="B56" s="20"/>
      <c r="C56" s="36">
        <v>3987</v>
      </c>
      <c r="D56" s="22">
        <v>2172</v>
      </c>
      <c r="E56" s="22">
        <v>1815</v>
      </c>
      <c r="F56" s="22"/>
      <c r="G56" s="21" t="s">
        <v>108</v>
      </c>
      <c r="H56" s="20"/>
      <c r="I56" s="36">
        <v>527</v>
      </c>
      <c r="J56" s="22">
        <v>148</v>
      </c>
      <c r="K56" s="22">
        <v>379</v>
      </c>
    </row>
    <row r="57" spans="1:11" ht="15" customHeight="1">
      <c r="A57" s="20" t="s">
        <v>109</v>
      </c>
      <c r="B57" s="20"/>
      <c r="C57" s="36">
        <v>4227</v>
      </c>
      <c r="D57" s="22">
        <v>2278</v>
      </c>
      <c r="E57" s="22">
        <v>1949</v>
      </c>
      <c r="F57" s="22"/>
      <c r="G57" s="21" t="s">
        <v>110</v>
      </c>
      <c r="H57" s="20"/>
      <c r="I57" s="36">
        <v>426</v>
      </c>
      <c r="J57" s="22">
        <v>108</v>
      </c>
      <c r="K57" s="22">
        <v>318</v>
      </c>
    </row>
    <row r="58" spans="1:11" ht="15" customHeight="1">
      <c r="A58" s="20" t="s">
        <v>111</v>
      </c>
      <c r="B58" s="20"/>
      <c r="C58" s="36">
        <v>4305</v>
      </c>
      <c r="D58" s="22">
        <v>2269</v>
      </c>
      <c r="E58" s="22">
        <v>2036</v>
      </c>
      <c r="F58" s="22"/>
      <c r="G58" s="21" t="s">
        <v>112</v>
      </c>
      <c r="H58" s="20"/>
      <c r="I58" s="36">
        <v>351</v>
      </c>
      <c r="J58" s="22">
        <v>102</v>
      </c>
      <c r="K58" s="22">
        <v>249</v>
      </c>
    </row>
    <row r="59" spans="1:11" ht="20.100000000000001" customHeight="1">
      <c r="A59" s="20" t="s">
        <v>113</v>
      </c>
      <c r="B59" s="20"/>
      <c r="C59" s="36">
        <v>24444</v>
      </c>
      <c r="D59" s="37">
        <v>13075</v>
      </c>
      <c r="E59" s="37">
        <v>11369</v>
      </c>
      <c r="F59" s="37"/>
      <c r="G59" s="39" t="s">
        <v>114</v>
      </c>
      <c r="H59" s="40"/>
      <c r="I59" s="36">
        <v>612</v>
      </c>
      <c r="J59" s="37">
        <v>121</v>
      </c>
      <c r="K59" s="37">
        <v>491</v>
      </c>
    </row>
    <row r="60" spans="1:11" ht="15" customHeight="1">
      <c r="A60" s="20" t="s">
        <v>115</v>
      </c>
      <c r="B60" s="20"/>
      <c r="C60" s="36">
        <v>4443</v>
      </c>
      <c r="D60" s="22">
        <v>2410</v>
      </c>
      <c r="E60" s="22">
        <v>2033</v>
      </c>
      <c r="F60" s="22"/>
      <c r="G60" s="21" t="s">
        <v>116</v>
      </c>
      <c r="H60" s="20"/>
      <c r="I60" s="36">
        <v>218</v>
      </c>
      <c r="J60" s="22">
        <v>48</v>
      </c>
      <c r="K60" s="22">
        <v>170</v>
      </c>
    </row>
    <row r="61" spans="1:11" ht="15" customHeight="1">
      <c r="A61" s="20" t="s">
        <v>117</v>
      </c>
      <c r="B61" s="20"/>
      <c r="C61" s="36">
        <v>4708</v>
      </c>
      <c r="D61" s="22">
        <v>2472</v>
      </c>
      <c r="E61" s="22">
        <v>2236</v>
      </c>
      <c r="F61" s="22"/>
      <c r="G61" s="21" t="s">
        <v>118</v>
      </c>
      <c r="H61" s="20"/>
      <c r="I61" s="36">
        <v>151</v>
      </c>
      <c r="J61" s="22">
        <v>26</v>
      </c>
      <c r="K61" s="22">
        <v>125</v>
      </c>
    </row>
    <row r="62" spans="1:11" ht="15" customHeight="1">
      <c r="A62" s="20" t="s">
        <v>119</v>
      </c>
      <c r="B62" s="20"/>
      <c r="C62" s="36">
        <v>4842</v>
      </c>
      <c r="D62" s="22">
        <v>2635</v>
      </c>
      <c r="E62" s="22">
        <v>2207</v>
      </c>
      <c r="F62" s="22"/>
      <c r="G62" s="21" t="s">
        <v>120</v>
      </c>
      <c r="H62" s="20"/>
      <c r="I62" s="36">
        <v>120</v>
      </c>
      <c r="J62" s="22">
        <v>33</v>
      </c>
      <c r="K62" s="22">
        <v>87</v>
      </c>
    </row>
    <row r="63" spans="1:11" ht="15" customHeight="1">
      <c r="A63" s="20" t="s">
        <v>121</v>
      </c>
      <c r="B63" s="20"/>
      <c r="C63" s="36">
        <v>5128</v>
      </c>
      <c r="D63" s="22">
        <v>2701</v>
      </c>
      <c r="E63" s="22">
        <v>2427</v>
      </c>
      <c r="F63" s="22"/>
      <c r="G63" s="21" t="s">
        <v>122</v>
      </c>
      <c r="H63" s="20"/>
      <c r="I63" s="36">
        <v>71</v>
      </c>
      <c r="J63" s="22">
        <v>7</v>
      </c>
      <c r="K63" s="22">
        <v>64</v>
      </c>
    </row>
    <row r="64" spans="1:11" ht="15" customHeight="1">
      <c r="A64" s="20" t="s">
        <v>123</v>
      </c>
      <c r="B64" s="20"/>
      <c r="C64" s="36">
        <v>5323</v>
      </c>
      <c r="D64" s="22">
        <v>2857</v>
      </c>
      <c r="E64" s="22">
        <v>2466</v>
      </c>
      <c r="F64" s="22"/>
      <c r="G64" s="21" t="s">
        <v>124</v>
      </c>
      <c r="H64" s="20"/>
      <c r="I64" s="36">
        <v>52</v>
      </c>
      <c r="J64" s="22">
        <v>7</v>
      </c>
      <c r="K64" s="22">
        <v>45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36">
        <v>73</v>
      </c>
      <c r="J65" s="22">
        <v>11</v>
      </c>
      <c r="K65" s="22">
        <v>62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41">
        <v>9006</v>
      </c>
      <c r="J66" s="32">
        <v>5327</v>
      </c>
      <c r="K66" s="32">
        <v>3679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8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29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378814</v>
      </c>
      <c r="D4" s="17">
        <v>188682</v>
      </c>
      <c r="E4" s="17">
        <v>190132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0221</v>
      </c>
      <c r="D5" s="17">
        <v>5229</v>
      </c>
      <c r="E5" s="17">
        <v>4992</v>
      </c>
      <c r="F5" s="17"/>
      <c r="G5" s="21" t="s">
        <v>6</v>
      </c>
      <c r="H5" s="20"/>
      <c r="I5" s="16">
        <v>30568</v>
      </c>
      <c r="J5" s="17">
        <v>15761</v>
      </c>
      <c r="K5" s="17">
        <v>14807</v>
      </c>
    </row>
    <row r="6" spans="1:11" ht="15" customHeight="1">
      <c r="A6" s="20" t="s">
        <v>7</v>
      </c>
      <c r="B6" s="20"/>
      <c r="C6" s="16">
        <v>1910</v>
      </c>
      <c r="D6" s="22">
        <v>939</v>
      </c>
      <c r="E6" s="22">
        <v>971</v>
      </c>
      <c r="F6" s="22"/>
      <c r="G6" s="21" t="s">
        <v>8</v>
      </c>
      <c r="H6" s="20"/>
      <c r="I6" s="16">
        <v>6459</v>
      </c>
      <c r="J6" s="22">
        <v>3368</v>
      </c>
      <c r="K6" s="22">
        <v>3091</v>
      </c>
    </row>
    <row r="7" spans="1:11" ht="15" customHeight="1">
      <c r="A7" s="20" t="s">
        <v>9</v>
      </c>
      <c r="B7" s="20"/>
      <c r="C7" s="16">
        <v>1895</v>
      </c>
      <c r="D7" s="22">
        <v>975</v>
      </c>
      <c r="E7" s="22">
        <v>920</v>
      </c>
      <c r="F7" s="22"/>
      <c r="G7" s="21" t="s">
        <v>10</v>
      </c>
      <c r="H7" s="20"/>
      <c r="I7" s="16">
        <v>6260</v>
      </c>
      <c r="J7" s="22">
        <v>3214</v>
      </c>
      <c r="K7" s="22">
        <v>3046</v>
      </c>
    </row>
    <row r="8" spans="1:11" ht="15" customHeight="1">
      <c r="A8" s="20" t="s">
        <v>11</v>
      </c>
      <c r="B8" s="20"/>
      <c r="C8" s="16">
        <v>2000</v>
      </c>
      <c r="D8" s="22">
        <v>1016</v>
      </c>
      <c r="E8" s="22">
        <v>984</v>
      </c>
      <c r="F8" s="22"/>
      <c r="G8" s="21" t="s">
        <v>12</v>
      </c>
      <c r="H8" s="20"/>
      <c r="I8" s="16">
        <v>6185</v>
      </c>
      <c r="J8" s="22">
        <v>3166</v>
      </c>
      <c r="K8" s="22">
        <v>3019</v>
      </c>
    </row>
    <row r="9" spans="1:11" ht="15" customHeight="1">
      <c r="A9" s="20" t="s">
        <v>13</v>
      </c>
      <c r="B9" s="20"/>
      <c r="C9" s="16">
        <v>2198</v>
      </c>
      <c r="D9" s="22">
        <v>1162</v>
      </c>
      <c r="E9" s="22">
        <v>1036</v>
      </c>
      <c r="F9" s="22"/>
      <c r="G9" s="21" t="s">
        <v>14</v>
      </c>
      <c r="H9" s="20"/>
      <c r="I9" s="16">
        <v>5886</v>
      </c>
      <c r="J9" s="22">
        <v>3059</v>
      </c>
      <c r="K9" s="22">
        <v>2827</v>
      </c>
    </row>
    <row r="10" spans="1:11" ht="15" customHeight="1">
      <c r="A10" s="20" t="s">
        <v>15</v>
      </c>
      <c r="B10" s="20"/>
      <c r="C10" s="16">
        <v>2218</v>
      </c>
      <c r="D10" s="22">
        <v>1137</v>
      </c>
      <c r="E10" s="22">
        <v>1081</v>
      </c>
      <c r="F10" s="22"/>
      <c r="G10" s="21" t="s">
        <v>16</v>
      </c>
      <c r="H10" s="20"/>
      <c r="I10" s="16">
        <v>5778</v>
      </c>
      <c r="J10" s="22">
        <v>2954</v>
      </c>
      <c r="K10" s="22">
        <v>2824</v>
      </c>
    </row>
    <row r="11" spans="1:11" ht="20.100000000000001" customHeight="1">
      <c r="A11" s="20" t="s">
        <v>17</v>
      </c>
      <c r="B11" s="20"/>
      <c r="C11" s="16">
        <v>12902</v>
      </c>
      <c r="D11" s="17">
        <v>6572</v>
      </c>
      <c r="E11" s="17">
        <v>6330</v>
      </c>
      <c r="F11" s="17"/>
      <c r="G11" s="21" t="s">
        <v>18</v>
      </c>
      <c r="H11" s="20"/>
      <c r="I11" s="16">
        <v>25414</v>
      </c>
      <c r="J11" s="17">
        <v>12831</v>
      </c>
      <c r="K11" s="17">
        <v>12583</v>
      </c>
    </row>
    <row r="12" spans="1:11" ht="15" customHeight="1">
      <c r="A12" s="20" t="s">
        <v>19</v>
      </c>
      <c r="B12" s="20"/>
      <c r="C12" s="16">
        <v>2314</v>
      </c>
      <c r="D12" s="22">
        <v>1192</v>
      </c>
      <c r="E12" s="22">
        <v>1122</v>
      </c>
      <c r="F12" s="22"/>
      <c r="G12" s="21" t="s">
        <v>20</v>
      </c>
      <c r="H12" s="20"/>
      <c r="I12" s="16">
        <v>5925</v>
      </c>
      <c r="J12" s="22">
        <v>3014</v>
      </c>
      <c r="K12" s="22">
        <v>2911</v>
      </c>
    </row>
    <row r="13" spans="1:11" ht="15" customHeight="1">
      <c r="A13" s="20" t="s">
        <v>21</v>
      </c>
      <c r="B13" s="20"/>
      <c r="C13" s="16">
        <v>2526</v>
      </c>
      <c r="D13" s="22">
        <v>1334</v>
      </c>
      <c r="E13" s="22">
        <v>1192</v>
      </c>
      <c r="F13" s="22"/>
      <c r="G13" s="21" t="s">
        <v>22</v>
      </c>
      <c r="H13" s="20"/>
      <c r="I13" s="16">
        <v>4294</v>
      </c>
      <c r="J13" s="22">
        <v>2187</v>
      </c>
      <c r="K13" s="22">
        <v>2107</v>
      </c>
    </row>
    <row r="14" spans="1:11" ht="15" customHeight="1">
      <c r="A14" s="20" t="s">
        <v>23</v>
      </c>
      <c r="B14" s="20"/>
      <c r="C14" s="16">
        <v>2603</v>
      </c>
      <c r="D14" s="22">
        <v>1315</v>
      </c>
      <c r="E14" s="22">
        <v>1288</v>
      </c>
      <c r="F14" s="22"/>
      <c r="G14" s="21" t="s">
        <v>24</v>
      </c>
      <c r="H14" s="20"/>
      <c r="I14" s="16">
        <v>5399</v>
      </c>
      <c r="J14" s="22">
        <v>2735</v>
      </c>
      <c r="K14" s="22">
        <v>2664</v>
      </c>
    </row>
    <row r="15" spans="1:11" ht="15" customHeight="1">
      <c r="A15" s="20" t="s">
        <v>25</v>
      </c>
      <c r="B15" s="20"/>
      <c r="C15" s="16">
        <v>2680</v>
      </c>
      <c r="D15" s="22">
        <v>1370</v>
      </c>
      <c r="E15" s="22">
        <v>1310</v>
      </c>
      <c r="F15" s="22"/>
      <c r="G15" s="21" t="s">
        <v>26</v>
      </c>
      <c r="H15" s="20"/>
      <c r="I15" s="16">
        <v>4919</v>
      </c>
      <c r="J15" s="22">
        <v>2440</v>
      </c>
      <c r="K15" s="22">
        <v>2479</v>
      </c>
    </row>
    <row r="16" spans="1:11" ht="15" customHeight="1">
      <c r="A16" s="20" t="s">
        <v>27</v>
      </c>
      <c r="B16" s="20"/>
      <c r="C16" s="16">
        <v>2779</v>
      </c>
      <c r="D16" s="22">
        <v>1361</v>
      </c>
      <c r="E16" s="22">
        <v>1418</v>
      </c>
      <c r="F16" s="22"/>
      <c r="G16" s="21" t="s">
        <v>28</v>
      </c>
      <c r="H16" s="20"/>
      <c r="I16" s="16">
        <v>4877</v>
      </c>
      <c r="J16" s="22">
        <v>2455</v>
      </c>
      <c r="K16" s="22">
        <v>2422</v>
      </c>
    </row>
    <row r="17" spans="1:11" ht="20.100000000000001" customHeight="1">
      <c r="A17" s="24" t="s">
        <v>29</v>
      </c>
      <c r="B17" s="24"/>
      <c r="C17" s="16">
        <v>14663</v>
      </c>
      <c r="D17" s="17">
        <v>7504</v>
      </c>
      <c r="E17" s="17">
        <v>7159</v>
      </c>
      <c r="F17" s="17"/>
      <c r="G17" s="21" t="s">
        <v>30</v>
      </c>
      <c r="H17" s="20"/>
      <c r="I17" s="16">
        <v>22674</v>
      </c>
      <c r="J17" s="17">
        <v>11485</v>
      </c>
      <c r="K17" s="17">
        <v>11189</v>
      </c>
    </row>
    <row r="18" spans="1:11" ht="15" customHeight="1">
      <c r="A18" s="20" t="s">
        <v>31</v>
      </c>
      <c r="B18" s="20"/>
      <c r="C18" s="16">
        <v>2757</v>
      </c>
      <c r="D18" s="22">
        <v>1436</v>
      </c>
      <c r="E18" s="22">
        <v>1321</v>
      </c>
      <c r="F18" s="22"/>
      <c r="G18" s="21" t="s">
        <v>32</v>
      </c>
      <c r="H18" s="20"/>
      <c r="I18" s="16">
        <v>4641</v>
      </c>
      <c r="J18" s="22">
        <v>2366</v>
      </c>
      <c r="K18" s="22">
        <v>2275</v>
      </c>
    </row>
    <row r="19" spans="1:11" ht="15" customHeight="1">
      <c r="A19" s="20" t="s">
        <v>33</v>
      </c>
      <c r="B19" s="20"/>
      <c r="C19" s="16">
        <v>2943</v>
      </c>
      <c r="D19" s="22">
        <v>1471</v>
      </c>
      <c r="E19" s="22">
        <v>1472</v>
      </c>
      <c r="F19" s="22"/>
      <c r="G19" s="21" t="s">
        <v>34</v>
      </c>
      <c r="H19" s="20"/>
      <c r="I19" s="16">
        <v>4606</v>
      </c>
      <c r="J19" s="22">
        <v>2331</v>
      </c>
      <c r="K19" s="22">
        <v>2275</v>
      </c>
    </row>
    <row r="20" spans="1:11" ht="15" customHeight="1">
      <c r="A20" s="20" t="s">
        <v>35</v>
      </c>
      <c r="B20" s="20"/>
      <c r="C20" s="16">
        <v>3006</v>
      </c>
      <c r="D20" s="22">
        <v>1560</v>
      </c>
      <c r="E20" s="22">
        <v>1446</v>
      </c>
      <c r="F20" s="22"/>
      <c r="G20" s="21" t="s">
        <v>36</v>
      </c>
      <c r="H20" s="20"/>
      <c r="I20" s="16">
        <v>4486</v>
      </c>
      <c r="J20" s="22">
        <v>2220</v>
      </c>
      <c r="K20" s="22">
        <v>2266</v>
      </c>
    </row>
    <row r="21" spans="1:11" ht="15" customHeight="1">
      <c r="A21" s="20" t="s">
        <v>37</v>
      </c>
      <c r="B21" s="20"/>
      <c r="C21" s="16">
        <v>2931</v>
      </c>
      <c r="D21" s="22">
        <v>1502</v>
      </c>
      <c r="E21" s="22">
        <v>1429</v>
      </c>
      <c r="F21" s="22"/>
      <c r="G21" s="21" t="s">
        <v>38</v>
      </c>
      <c r="H21" s="20"/>
      <c r="I21" s="16">
        <v>4507</v>
      </c>
      <c r="J21" s="22">
        <v>2342</v>
      </c>
      <c r="K21" s="22">
        <v>2165</v>
      </c>
    </row>
    <row r="22" spans="1:11" ht="15" customHeight="1">
      <c r="A22" s="20" t="s">
        <v>39</v>
      </c>
      <c r="B22" s="20"/>
      <c r="C22" s="16">
        <v>3026</v>
      </c>
      <c r="D22" s="22">
        <v>1535</v>
      </c>
      <c r="E22" s="22">
        <v>1491</v>
      </c>
      <c r="F22" s="22"/>
      <c r="G22" s="21" t="s">
        <v>40</v>
      </c>
      <c r="H22" s="20"/>
      <c r="I22" s="16">
        <v>4434</v>
      </c>
      <c r="J22" s="22">
        <v>2226</v>
      </c>
      <c r="K22" s="22">
        <v>2208</v>
      </c>
    </row>
    <row r="23" spans="1:11" ht="20.100000000000001" customHeight="1">
      <c r="A23" s="20" t="s">
        <v>41</v>
      </c>
      <c r="B23" s="20"/>
      <c r="C23" s="16">
        <v>18394</v>
      </c>
      <c r="D23" s="17">
        <v>10224</v>
      </c>
      <c r="E23" s="17">
        <v>8170</v>
      </c>
      <c r="F23" s="17"/>
      <c r="G23" s="21" t="s">
        <v>42</v>
      </c>
      <c r="H23" s="20"/>
      <c r="I23" s="16">
        <v>22556</v>
      </c>
      <c r="J23" s="17">
        <v>11091</v>
      </c>
      <c r="K23" s="17">
        <v>11465</v>
      </c>
    </row>
    <row r="24" spans="1:11" ht="15" customHeight="1">
      <c r="A24" s="20" t="s">
        <v>43</v>
      </c>
      <c r="B24" s="20"/>
      <c r="C24" s="16">
        <v>3434</v>
      </c>
      <c r="D24" s="22">
        <v>1870</v>
      </c>
      <c r="E24" s="22">
        <v>1564</v>
      </c>
      <c r="F24" s="22"/>
      <c r="G24" s="21" t="s">
        <v>44</v>
      </c>
      <c r="H24" s="20"/>
      <c r="I24" s="16">
        <v>4160</v>
      </c>
      <c r="J24" s="22">
        <v>2047</v>
      </c>
      <c r="K24" s="22">
        <v>2113</v>
      </c>
    </row>
    <row r="25" spans="1:11" ht="15" customHeight="1">
      <c r="A25" s="20" t="s">
        <v>45</v>
      </c>
      <c r="B25" s="20"/>
      <c r="C25" s="16">
        <v>3573</v>
      </c>
      <c r="D25" s="22">
        <v>1993</v>
      </c>
      <c r="E25" s="22">
        <v>1580</v>
      </c>
      <c r="F25" s="22"/>
      <c r="G25" s="21" t="s">
        <v>46</v>
      </c>
      <c r="H25" s="20"/>
      <c r="I25" s="16">
        <v>4480</v>
      </c>
      <c r="J25" s="22">
        <v>2207</v>
      </c>
      <c r="K25" s="22">
        <v>2273</v>
      </c>
    </row>
    <row r="26" spans="1:11" ht="15" customHeight="1">
      <c r="A26" s="20" t="s">
        <v>47</v>
      </c>
      <c r="B26" s="20"/>
      <c r="C26" s="16">
        <v>3260</v>
      </c>
      <c r="D26" s="22">
        <v>1754</v>
      </c>
      <c r="E26" s="22">
        <v>1506</v>
      </c>
      <c r="F26" s="22"/>
      <c r="G26" s="21" t="s">
        <v>48</v>
      </c>
      <c r="H26" s="20"/>
      <c r="I26" s="16">
        <v>4552</v>
      </c>
      <c r="J26" s="22">
        <v>2218</v>
      </c>
      <c r="K26" s="22">
        <v>2334</v>
      </c>
    </row>
    <row r="27" spans="1:11" ht="15" customHeight="1">
      <c r="A27" s="20" t="s">
        <v>49</v>
      </c>
      <c r="B27" s="20"/>
      <c r="C27" s="16">
        <v>3965</v>
      </c>
      <c r="D27" s="22">
        <v>2235</v>
      </c>
      <c r="E27" s="22">
        <v>1730</v>
      </c>
      <c r="F27" s="22"/>
      <c r="G27" s="21" t="s">
        <v>50</v>
      </c>
      <c r="H27" s="20"/>
      <c r="I27" s="16">
        <v>4646</v>
      </c>
      <c r="J27" s="22">
        <v>2265</v>
      </c>
      <c r="K27" s="22">
        <v>2381</v>
      </c>
    </row>
    <row r="28" spans="1:11" ht="15" customHeight="1">
      <c r="A28" s="20" t="s">
        <v>51</v>
      </c>
      <c r="B28" s="20"/>
      <c r="C28" s="16">
        <v>4162</v>
      </c>
      <c r="D28" s="22">
        <v>2372</v>
      </c>
      <c r="E28" s="22">
        <v>1790</v>
      </c>
      <c r="F28" s="22"/>
      <c r="G28" s="21" t="s">
        <v>52</v>
      </c>
      <c r="H28" s="20"/>
      <c r="I28" s="16">
        <v>4718</v>
      </c>
      <c r="J28" s="22">
        <v>2354</v>
      </c>
      <c r="K28" s="22">
        <v>2364</v>
      </c>
    </row>
    <row r="29" spans="1:11" ht="20.100000000000001" customHeight="1">
      <c r="A29" s="20" t="s">
        <v>53</v>
      </c>
      <c r="B29" s="20"/>
      <c r="C29" s="16">
        <v>19258</v>
      </c>
      <c r="D29" s="17">
        <v>10612</v>
      </c>
      <c r="E29" s="17">
        <v>8646</v>
      </c>
      <c r="F29" s="17"/>
      <c r="G29" s="21" t="s">
        <v>54</v>
      </c>
      <c r="H29" s="20"/>
      <c r="I29" s="16">
        <v>30487</v>
      </c>
      <c r="J29" s="17">
        <v>14387</v>
      </c>
      <c r="K29" s="17">
        <v>16100</v>
      </c>
    </row>
    <row r="30" spans="1:11" ht="15" customHeight="1">
      <c r="A30" s="20" t="s">
        <v>55</v>
      </c>
      <c r="B30" s="20"/>
      <c r="C30" s="16">
        <v>3855</v>
      </c>
      <c r="D30" s="22">
        <v>2156</v>
      </c>
      <c r="E30" s="22">
        <v>1699</v>
      </c>
      <c r="F30" s="22"/>
      <c r="G30" s="21" t="s">
        <v>56</v>
      </c>
      <c r="H30" s="20"/>
      <c r="I30" s="16">
        <v>5256</v>
      </c>
      <c r="J30" s="22">
        <v>2527</v>
      </c>
      <c r="K30" s="22">
        <v>2729</v>
      </c>
    </row>
    <row r="31" spans="1:11" ht="15" customHeight="1">
      <c r="A31" s="20" t="s">
        <v>57</v>
      </c>
      <c r="B31" s="20"/>
      <c r="C31" s="16">
        <v>4212</v>
      </c>
      <c r="D31" s="22">
        <v>2362</v>
      </c>
      <c r="E31" s="22">
        <v>1850</v>
      </c>
      <c r="F31" s="22"/>
      <c r="G31" s="21" t="s">
        <v>58</v>
      </c>
      <c r="H31" s="20"/>
      <c r="I31" s="16">
        <v>5493</v>
      </c>
      <c r="J31" s="22">
        <v>2610</v>
      </c>
      <c r="K31" s="22">
        <v>2883</v>
      </c>
    </row>
    <row r="32" spans="1:11" ht="15" customHeight="1">
      <c r="A32" s="20" t="s">
        <v>59</v>
      </c>
      <c r="B32" s="20"/>
      <c r="C32" s="16">
        <v>3979</v>
      </c>
      <c r="D32" s="22">
        <v>2196</v>
      </c>
      <c r="E32" s="22">
        <v>1783</v>
      </c>
      <c r="F32" s="22"/>
      <c r="G32" s="21" t="s">
        <v>60</v>
      </c>
      <c r="H32" s="20"/>
      <c r="I32" s="16">
        <v>5949</v>
      </c>
      <c r="J32" s="22">
        <v>2833</v>
      </c>
      <c r="K32" s="22">
        <v>3116</v>
      </c>
    </row>
    <row r="33" spans="1:11" ht="15" customHeight="1">
      <c r="A33" s="20" t="s">
        <v>61</v>
      </c>
      <c r="B33" s="20"/>
      <c r="C33" s="16">
        <v>3610</v>
      </c>
      <c r="D33" s="22">
        <v>1988</v>
      </c>
      <c r="E33" s="22">
        <v>1622</v>
      </c>
      <c r="F33" s="22"/>
      <c r="G33" s="21" t="s">
        <v>62</v>
      </c>
      <c r="H33" s="20"/>
      <c r="I33" s="16">
        <v>7053</v>
      </c>
      <c r="J33" s="22">
        <v>3316</v>
      </c>
      <c r="K33" s="22">
        <v>3737</v>
      </c>
    </row>
    <row r="34" spans="1:11" ht="15" customHeight="1">
      <c r="A34" s="20" t="s">
        <v>63</v>
      </c>
      <c r="B34" s="20"/>
      <c r="C34" s="16">
        <v>3602</v>
      </c>
      <c r="D34" s="22">
        <v>1910</v>
      </c>
      <c r="E34" s="22">
        <v>1692</v>
      </c>
      <c r="F34" s="22"/>
      <c r="G34" s="21" t="s">
        <v>64</v>
      </c>
      <c r="H34" s="20"/>
      <c r="I34" s="16">
        <v>6736</v>
      </c>
      <c r="J34" s="22">
        <v>3101</v>
      </c>
      <c r="K34" s="22">
        <v>3635</v>
      </c>
    </row>
    <row r="35" spans="1:11" ht="20.100000000000001" customHeight="1">
      <c r="A35" s="20" t="s">
        <v>65</v>
      </c>
      <c r="B35" s="20"/>
      <c r="C35" s="16">
        <v>15960</v>
      </c>
      <c r="D35" s="17">
        <v>8963</v>
      </c>
      <c r="E35" s="17">
        <v>6997</v>
      </c>
      <c r="F35" s="17"/>
      <c r="G35" s="21" t="s">
        <v>66</v>
      </c>
      <c r="H35" s="20"/>
      <c r="I35" s="16">
        <v>26657</v>
      </c>
      <c r="J35" s="17">
        <v>11863</v>
      </c>
      <c r="K35" s="17">
        <v>14794</v>
      </c>
    </row>
    <row r="36" spans="1:11" ht="15" customHeight="1">
      <c r="A36" s="20" t="s">
        <v>67</v>
      </c>
      <c r="B36" s="20"/>
      <c r="C36" s="16">
        <v>3376</v>
      </c>
      <c r="D36" s="22">
        <v>1905</v>
      </c>
      <c r="E36" s="22">
        <v>1471</v>
      </c>
      <c r="F36" s="22"/>
      <c r="G36" s="21" t="s">
        <v>68</v>
      </c>
      <c r="H36" s="20"/>
      <c r="I36" s="16">
        <v>6952</v>
      </c>
      <c r="J36" s="22">
        <v>3170</v>
      </c>
      <c r="K36" s="22">
        <v>3782</v>
      </c>
    </row>
    <row r="37" spans="1:11" ht="15" customHeight="1">
      <c r="A37" s="20" t="s">
        <v>69</v>
      </c>
      <c r="B37" s="20"/>
      <c r="C37" s="16">
        <v>3349</v>
      </c>
      <c r="D37" s="22">
        <v>1874</v>
      </c>
      <c r="E37" s="22">
        <v>1475</v>
      </c>
      <c r="F37" s="22"/>
      <c r="G37" s="21" t="s">
        <v>70</v>
      </c>
      <c r="H37" s="20"/>
      <c r="I37" s="16">
        <v>4738</v>
      </c>
      <c r="J37" s="22">
        <v>2116</v>
      </c>
      <c r="K37" s="22">
        <v>2622</v>
      </c>
    </row>
    <row r="38" spans="1:11" ht="15" customHeight="1">
      <c r="A38" s="20" t="s">
        <v>71</v>
      </c>
      <c r="B38" s="20"/>
      <c r="C38" s="16">
        <v>3105</v>
      </c>
      <c r="D38" s="22">
        <v>1772</v>
      </c>
      <c r="E38" s="22">
        <v>1333</v>
      </c>
      <c r="F38" s="22"/>
      <c r="G38" s="21" t="s">
        <v>72</v>
      </c>
      <c r="H38" s="20"/>
      <c r="I38" s="16">
        <v>4163</v>
      </c>
      <c r="J38" s="22">
        <v>1807</v>
      </c>
      <c r="K38" s="22">
        <v>2356</v>
      </c>
    </row>
    <row r="39" spans="1:11" ht="15" customHeight="1">
      <c r="A39" s="20" t="s">
        <v>73</v>
      </c>
      <c r="B39" s="20"/>
      <c r="C39" s="16">
        <v>3157</v>
      </c>
      <c r="D39" s="22">
        <v>1738</v>
      </c>
      <c r="E39" s="22">
        <v>1419</v>
      </c>
      <c r="F39" s="22"/>
      <c r="G39" s="21" t="s">
        <v>74</v>
      </c>
      <c r="H39" s="20"/>
      <c r="I39" s="16">
        <v>5362</v>
      </c>
      <c r="J39" s="22">
        <v>2355</v>
      </c>
      <c r="K39" s="22">
        <v>3007</v>
      </c>
    </row>
    <row r="40" spans="1:11" ht="15" customHeight="1">
      <c r="A40" s="20" t="s">
        <v>75</v>
      </c>
      <c r="B40" s="20"/>
      <c r="C40" s="16">
        <v>2973</v>
      </c>
      <c r="D40" s="22">
        <v>1674</v>
      </c>
      <c r="E40" s="22">
        <v>1299</v>
      </c>
      <c r="F40" s="22"/>
      <c r="G40" s="21" t="s">
        <v>76</v>
      </c>
      <c r="H40" s="20"/>
      <c r="I40" s="16">
        <v>5442</v>
      </c>
      <c r="J40" s="22">
        <v>2415</v>
      </c>
      <c r="K40" s="22">
        <v>3027</v>
      </c>
    </row>
    <row r="41" spans="1:11" ht="20.100000000000001" customHeight="1">
      <c r="A41" s="20" t="s">
        <v>77</v>
      </c>
      <c r="B41" s="20"/>
      <c r="C41" s="16">
        <v>16240</v>
      </c>
      <c r="D41" s="17">
        <v>8839</v>
      </c>
      <c r="E41" s="17">
        <v>7401</v>
      </c>
      <c r="F41" s="17"/>
      <c r="G41" s="21" t="s">
        <v>78</v>
      </c>
      <c r="H41" s="20"/>
      <c r="I41" s="16">
        <v>21634</v>
      </c>
      <c r="J41" s="17">
        <v>9425</v>
      </c>
      <c r="K41" s="17">
        <v>12209</v>
      </c>
    </row>
    <row r="42" spans="1:11" ht="15" customHeight="1">
      <c r="A42" s="20" t="s">
        <v>79</v>
      </c>
      <c r="B42" s="20"/>
      <c r="C42" s="16">
        <v>3055</v>
      </c>
      <c r="D42" s="22">
        <v>1633</v>
      </c>
      <c r="E42" s="22">
        <v>1422</v>
      </c>
      <c r="F42" s="22"/>
      <c r="G42" s="21" t="s">
        <v>80</v>
      </c>
      <c r="H42" s="20"/>
      <c r="I42" s="16">
        <v>5138</v>
      </c>
      <c r="J42" s="22">
        <v>2314</v>
      </c>
      <c r="K42" s="22">
        <v>2824</v>
      </c>
    </row>
    <row r="43" spans="1:11" ht="15" customHeight="1">
      <c r="A43" s="20" t="s">
        <v>81</v>
      </c>
      <c r="B43" s="20"/>
      <c r="C43" s="16">
        <v>3172</v>
      </c>
      <c r="D43" s="22">
        <v>1771</v>
      </c>
      <c r="E43" s="22">
        <v>1401</v>
      </c>
      <c r="F43" s="22"/>
      <c r="G43" s="21" t="s">
        <v>82</v>
      </c>
      <c r="H43" s="20"/>
      <c r="I43" s="16">
        <v>5086</v>
      </c>
      <c r="J43" s="22">
        <v>2246</v>
      </c>
      <c r="K43" s="22">
        <v>2840</v>
      </c>
    </row>
    <row r="44" spans="1:11" ht="15" customHeight="1">
      <c r="A44" s="20" t="s">
        <v>83</v>
      </c>
      <c r="B44" s="20"/>
      <c r="C44" s="16">
        <v>3244</v>
      </c>
      <c r="D44" s="22">
        <v>1769</v>
      </c>
      <c r="E44" s="22">
        <v>1475</v>
      </c>
      <c r="F44" s="22"/>
      <c r="G44" s="21" t="s">
        <v>84</v>
      </c>
      <c r="H44" s="20"/>
      <c r="I44" s="16">
        <v>4289</v>
      </c>
      <c r="J44" s="22">
        <v>1815</v>
      </c>
      <c r="K44" s="22">
        <v>2474</v>
      </c>
    </row>
    <row r="45" spans="1:11" ht="15" customHeight="1">
      <c r="A45" s="20" t="s">
        <v>85</v>
      </c>
      <c r="B45" s="20"/>
      <c r="C45" s="16">
        <v>3272</v>
      </c>
      <c r="D45" s="22">
        <v>1741</v>
      </c>
      <c r="E45" s="22">
        <v>1531</v>
      </c>
      <c r="F45" s="22"/>
      <c r="G45" s="21" t="s">
        <v>86</v>
      </c>
      <c r="H45" s="20"/>
      <c r="I45" s="16">
        <v>3771</v>
      </c>
      <c r="J45" s="22">
        <v>1629</v>
      </c>
      <c r="K45" s="22">
        <v>2142</v>
      </c>
    </row>
    <row r="46" spans="1:11" ht="15" customHeight="1">
      <c r="A46" s="20" t="s">
        <v>87</v>
      </c>
      <c r="B46" s="20"/>
      <c r="C46" s="16">
        <v>3497</v>
      </c>
      <c r="D46" s="22">
        <v>1925</v>
      </c>
      <c r="E46" s="22">
        <v>1572</v>
      </c>
      <c r="F46" s="22"/>
      <c r="G46" s="21" t="s">
        <v>88</v>
      </c>
      <c r="H46" s="20"/>
      <c r="I46" s="16">
        <v>3350</v>
      </c>
      <c r="J46" s="22">
        <v>1421</v>
      </c>
      <c r="K46" s="22">
        <v>1929</v>
      </c>
    </row>
    <row r="47" spans="1:11" ht="20.100000000000001" customHeight="1">
      <c r="A47" s="20" t="s">
        <v>89</v>
      </c>
      <c r="B47" s="20"/>
      <c r="C47" s="16">
        <v>18599</v>
      </c>
      <c r="D47" s="17">
        <v>9986</v>
      </c>
      <c r="E47" s="17">
        <v>8613</v>
      </c>
      <c r="F47" s="17"/>
      <c r="G47" s="21" t="s">
        <v>90</v>
      </c>
      <c r="H47" s="20"/>
      <c r="I47" s="16">
        <v>13905</v>
      </c>
      <c r="J47" s="17">
        <v>5379</v>
      </c>
      <c r="K47" s="17">
        <v>8526</v>
      </c>
    </row>
    <row r="48" spans="1:11" ht="15" customHeight="1">
      <c r="A48" s="20" t="s">
        <v>91</v>
      </c>
      <c r="B48" s="20"/>
      <c r="C48" s="16">
        <v>3441</v>
      </c>
      <c r="D48" s="22">
        <v>1878</v>
      </c>
      <c r="E48" s="22">
        <v>1563</v>
      </c>
      <c r="F48" s="22"/>
      <c r="G48" s="21" t="s">
        <v>92</v>
      </c>
      <c r="H48" s="20"/>
      <c r="I48" s="16">
        <v>3425</v>
      </c>
      <c r="J48" s="22">
        <v>1414</v>
      </c>
      <c r="K48" s="22">
        <v>2011</v>
      </c>
    </row>
    <row r="49" spans="1:11" ht="15" customHeight="1">
      <c r="A49" s="20" t="s">
        <v>93</v>
      </c>
      <c r="B49" s="20"/>
      <c r="C49" s="16">
        <v>3551</v>
      </c>
      <c r="D49" s="22">
        <v>1947</v>
      </c>
      <c r="E49" s="22">
        <v>1604</v>
      </c>
      <c r="F49" s="22"/>
      <c r="G49" s="21" t="s">
        <v>94</v>
      </c>
      <c r="H49" s="20"/>
      <c r="I49" s="16">
        <v>2960</v>
      </c>
      <c r="J49" s="22">
        <v>1192</v>
      </c>
      <c r="K49" s="22">
        <v>1768</v>
      </c>
    </row>
    <row r="50" spans="1:11" ht="15" customHeight="1">
      <c r="A50" s="20" t="s">
        <v>95</v>
      </c>
      <c r="B50" s="20"/>
      <c r="C50" s="16">
        <v>3761</v>
      </c>
      <c r="D50" s="22">
        <v>2004</v>
      </c>
      <c r="E50" s="22">
        <v>1757</v>
      </c>
      <c r="F50" s="22"/>
      <c r="G50" s="21" t="s">
        <v>96</v>
      </c>
      <c r="H50" s="20"/>
      <c r="I50" s="16">
        <v>3042</v>
      </c>
      <c r="J50" s="22">
        <v>1188</v>
      </c>
      <c r="K50" s="22">
        <v>1854</v>
      </c>
    </row>
    <row r="51" spans="1:11" ht="15" customHeight="1">
      <c r="A51" s="20" t="s">
        <v>97</v>
      </c>
      <c r="B51" s="20"/>
      <c r="C51" s="16">
        <v>3838</v>
      </c>
      <c r="D51" s="22">
        <v>2051</v>
      </c>
      <c r="E51" s="22">
        <v>1787</v>
      </c>
      <c r="F51" s="22"/>
      <c r="G51" s="21" t="s">
        <v>98</v>
      </c>
      <c r="H51" s="20"/>
      <c r="I51" s="16">
        <v>2314</v>
      </c>
      <c r="J51" s="22">
        <v>813</v>
      </c>
      <c r="K51" s="22">
        <v>1501</v>
      </c>
    </row>
    <row r="52" spans="1:11" ht="15" customHeight="1">
      <c r="A52" s="20" t="s">
        <v>99</v>
      </c>
      <c r="B52" s="20"/>
      <c r="C52" s="16">
        <v>4008</v>
      </c>
      <c r="D52" s="22">
        <v>2106</v>
      </c>
      <c r="E52" s="22">
        <v>1902</v>
      </c>
      <c r="F52" s="22"/>
      <c r="G52" s="21" t="s">
        <v>100</v>
      </c>
      <c r="H52" s="20"/>
      <c r="I52" s="16">
        <v>2164</v>
      </c>
      <c r="J52" s="22">
        <v>772</v>
      </c>
      <c r="K52" s="22">
        <v>1392</v>
      </c>
    </row>
    <row r="53" spans="1:11" ht="20.100000000000001" customHeight="1">
      <c r="A53" s="20" t="s">
        <v>101</v>
      </c>
      <c r="B53" s="20"/>
      <c r="C53" s="16">
        <v>21457</v>
      </c>
      <c r="D53" s="17">
        <v>11129</v>
      </c>
      <c r="E53" s="17">
        <v>10328</v>
      </c>
      <c r="F53" s="17"/>
      <c r="G53" s="21" t="s">
        <v>102</v>
      </c>
      <c r="H53" s="20"/>
      <c r="I53" s="16">
        <v>6302</v>
      </c>
      <c r="J53" s="17">
        <v>1866</v>
      </c>
      <c r="K53" s="17">
        <v>4436</v>
      </c>
    </row>
    <row r="54" spans="1:11" ht="15" customHeight="1">
      <c r="A54" s="20" t="s">
        <v>103</v>
      </c>
      <c r="B54" s="20"/>
      <c r="C54" s="16">
        <v>3993</v>
      </c>
      <c r="D54" s="22">
        <v>2091</v>
      </c>
      <c r="E54" s="22">
        <v>1902</v>
      </c>
      <c r="F54" s="22"/>
      <c r="G54" s="21" t="s">
        <v>104</v>
      </c>
      <c r="H54" s="20"/>
      <c r="I54" s="16">
        <v>1757</v>
      </c>
      <c r="J54" s="22">
        <v>577</v>
      </c>
      <c r="K54" s="22">
        <v>1180</v>
      </c>
    </row>
    <row r="55" spans="1:11" ht="15" customHeight="1">
      <c r="A55" s="20" t="s">
        <v>105</v>
      </c>
      <c r="B55" s="20"/>
      <c r="C55" s="16">
        <v>4050</v>
      </c>
      <c r="D55" s="22">
        <v>2097</v>
      </c>
      <c r="E55" s="22">
        <v>1953</v>
      </c>
      <c r="F55" s="22"/>
      <c r="G55" s="21" t="s">
        <v>106</v>
      </c>
      <c r="H55" s="20"/>
      <c r="I55" s="16">
        <v>1531</v>
      </c>
      <c r="J55" s="22">
        <v>456</v>
      </c>
      <c r="K55" s="22">
        <v>1075</v>
      </c>
    </row>
    <row r="56" spans="1:11" ht="15" customHeight="1">
      <c r="A56" s="20" t="s">
        <v>107</v>
      </c>
      <c r="B56" s="20"/>
      <c r="C56" s="16">
        <v>4171</v>
      </c>
      <c r="D56" s="22">
        <v>2143</v>
      </c>
      <c r="E56" s="22">
        <v>2028</v>
      </c>
      <c r="F56" s="22"/>
      <c r="G56" s="21" t="s">
        <v>108</v>
      </c>
      <c r="H56" s="20"/>
      <c r="I56" s="16">
        <v>1224</v>
      </c>
      <c r="J56" s="22">
        <v>354</v>
      </c>
      <c r="K56" s="22">
        <v>870</v>
      </c>
    </row>
    <row r="57" spans="1:11" ht="15" customHeight="1">
      <c r="A57" s="20" t="s">
        <v>109</v>
      </c>
      <c r="B57" s="20"/>
      <c r="C57" s="16">
        <v>4514</v>
      </c>
      <c r="D57" s="22">
        <v>2337</v>
      </c>
      <c r="E57" s="22">
        <v>2177</v>
      </c>
      <c r="F57" s="22"/>
      <c r="G57" s="21" t="s">
        <v>110</v>
      </c>
      <c r="H57" s="20"/>
      <c r="I57" s="16">
        <v>998</v>
      </c>
      <c r="J57" s="22">
        <v>273</v>
      </c>
      <c r="K57" s="22">
        <v>725</v>
      </c>
    </row>
    <row r="58" spans="1:11" ht="15" customHeight="1">
      <c r="A58" s="20" t="s">
        <v>111</v>
      </c>
      <c r="B58" s="20"/>
      <c r="C58" s="16">
        <v>4729</v>
      </c>
      <c r="D58" s="22">
        <v>2461</v>
      </c>
      <c r="E58" s="22">
        <v>2268</v>
      </c>
      <c r="F58" s="22"/>
      <c r="G58" s="21" t="s">
        <v>112</v>
      </c>
      <c r="H58" s="20"/>
      <c r="I58" s="16">
        <v>792</v>
      </c>
      <c r="J58" s="22">
        <v>206</v>
      </c>
      <c r="K58" s="22">
        <v>586</v>
      </c>
    </row>
    <row r="59" spans="1:11" ht="20.100000000000001" customHeight="1">
      <c r="A59" s="20" t="s">
        <v>113</v>
      </c>
      <c r="B59" s="20"/>
      <c r="C59" s="16">
        <v>28264</v>
      </c>
      <c r="D59" s="17">
        <v>14715</v>
      </c>
      <c r="E59" s="17">
        <v>13549</v>
      </c>
      <c r="F59" s="17"/>
      <c r="G59" s="21" t="s">
        <v>114</v>
      </c>
      <c r="H59" s="20"/>
      <c r="I59" s="16">
        <v>1682</v>
      </c>
      <c r="J59" s="17">
        <v>351</v>
      </c>
      <c r="K59" s="17">
        <v>1331</v>
      </c>
    </row>
    <row r="60" spans="1:11" ht="15" customHeight="1">
      <c r="A60" s="20" t="s">
        <v>115</v>
      </c>
      <c r="B60" s="20"/>
      <c r="C60" s="16">
        <v>4981</v>
      </c>
      <c r="D60" s="22">
        <v>2605</v>
      </c>
      <c r="E60" s="22">
        <v>2376</v>
      </c>
      <c r="F60" s="22"/>
      <c r="G60" s="21" t="s">
        <v>116</v>
      </c>
      <c r="H60" s="20"/>
      <c r="I60" s="16">
        <v>609</v>
      </c>
      <c r="J60" s="22">
        <v>153</v>
      </c>
      <c r="K60" s="22">
        <v>456</v>
      </c>
    </row>
    <row r="61" spans="1:11" ht="15" customHeight="1">
      <c r="A61" s="20" t="s">
        <v>117</v>
      </c>
      <c r="B61" s="20"/>
      <c r="C61" s="16">
        <v>5326</v>
      </c>
      <c r="D61" s="22">
        <v>2805</v>
      </c>
      <c r="E61" s="22">
        <v>2521</v>
      </c>
      <c r="F61" s="22"/>
      <c r="G61" s="21" t="s">
        <v>118</v>
      </c>
      <c r="H61" s="20"/>
      <c r="I61" s="16">
        <v>377</v>
      </c>
      <c r="J61" s="22">
        <v>91</v>
      </c>
      <c r="K61" s="22">
        <v>286</v>
      </c>
    </row>
    <row r="62" spans="1:11" ht="15" customHeight="1">
      <c r="A62" s="20" t="s">
        <v>119</v>
      </c>
      <c r="B62" s="20"/>
      <c r="C62" s="16">
        <v>5607</v>
      </c>
      <c r="D62" s="22">
        <v>2938</v>
      </c>
      <c r="E62" s="22">
        <v>2669</v>
      </c>
      <c r="F62" s="22"/>
      <c r="G62" s="21" t="s">
        <v>120</v>
      </c>
      <c r="H62" s="20"/>
      <c r="I62" s="16">
        <v>350</v>
      </c>
      <c r="J62" s="22">
        <v>58</v>
      </c>
      <c r="K62" s="22">
        <v>292</v>
      </c>
    </row>
    <row r="63" spans="1:11" ht="15" customHeight="1">
      <c r="A63" s="20" t="s">
        <v>121</v>
      </c>
      <c r="B63" s="20"/>
      <c r="C63" s="16">
        <v>5994</v>
      </c>
      <c r="D63" s="22">
        <v>3074</v>
      </c>
      <c r="E63" s="22">
        <v>2920</v>
      </c>
      <c r="F63" s="22"/>
      <c r="G63" s="21" t="s">
        <v>122</v>
      </c>
      <c r="H63" s="20"/>
      <c r="I63" s="16">
        <v>190</v>
      </c>
      <c r="J63" s="22">
        <v>29</v>
      </c>
      <c r="K63" s="22">
        <v>161</v>
      </c>
    </row>
    <row r="64" spans="1:11" ht="15" customHeight="1">
      <c r="A64" s="20" t="s">
        <v>123</v>
      </c>
      <c r="B64" s="20"/>
      <c r="C64" s="16">
        <v>6356</v>
      </c>
      <c r="D64" s="22">
        <v>3293</v>
      </c>
      <c r="E64" s="22">
        <v>3063</v>
      </c>
      <c r="F64" s="22"/>
      <c r="G64" s="21" t="s">
        <v>124</v>
      </c>
      <c r="H64" s="20"/>
      <c r="I64" s="16">
        <v>156</v>
      </c>
      <c r="J64" s="22">
        <v>20</v>
      </c>
      <c r="K64" s="22">
        <v>136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291</v>
      </c>
      <c r="J65" s="22">
        <v>36</v>
      </c>
      <c r="K65" s="22">
        <v>255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686</v>
      </c>
      <c r="J66" s="32">
        <v>434</v>
      </c>
      <c r="K66" s="32">
        <v>252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9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30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72107</v>
      </c>
      <c r="D4" s="17">
        <v>80806</v>
      </c>
      <c r="E4" s="17">
        <v>91301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5076</v>
      </c>
      <c r="D5" s="17">
        <v>2571</v>
      </c>
      <c r="E5" s="17">
        <v>2505</v>
      </c>
      <c r="F5" s="17"/>
      <c r="G5" s="21" t="s">
        <v>6</v>
      </c>
      <c r="H5" s="20"/>
      <c r="I5" s="16">
        <v>15571</v>
      </c>
      <c r="J5" s="17">
        <v>7545</v>
      </c>
      <c r="K5" s="17">
        <v>8026</v>
      </c>
    </row>
    <row r="6" spans="1:11" ht="15" customHeight="1">
      <c r="A6" s="20" t="s">
        <v>7</v>
      </c>
      <c r="B6" s="20"/>
      <c r="C6" s="16">
        <v>911</v>
      </c>
      <c r="D6" s="22">
        <v>477</v>
      </c>
      <c r="E6" s="22">
        <v>434</v>
      </c>
      <c r="F6" s="22"/>
      <c r="G6" s="21" t="s">
        <v>8</v>
      </c>
      <c r="H6" s="20"/>
      <c r="I6" s="16">
        <v>3104</v>
      </c>
      <c r="J6" s="22">
        <v>1483</v>
      </c>
      <c r="K6" s="22">
        <v>1621</v>
      </c>
    </row>
    <row r="7" spans="1:11" ht="15" customHeight="1">
      <c r="A7" s="20" t="s">
        <v>9</v>
      </c>
      <c r="B7" s="20"/>
      <c r="C7" s="16">
        <v>1000</v>
      </c>
      <c r="D7" s="22">
        <v>533</v>
      </c>
      <c r="E7" s="22">
        <v>467</v>
      </c>
      <c r="F7" s="22"/>
      <c r="G7" s="21" t="s">
        <v>10</v>
      </c>
      <c r="H7" s="20"/>
      <c r="I7" s="16">
        <v>3251</v>
      </c>
      <c r="J7" s="22">
        <v>1523</v>
      </c>
      <c r="K7" s="22">
        <v>1728</v>
      </c>
    </row>
    <row r="8" spans="1:11" ht="15" customHeight="1">
      <c r="A8" s="20" t="s">
        <v>11</v>
      </c>
      <c r="B8" s="20"/>
      <c r="C8" s="16">
        <v>977</v>
      </c>
      <c r="D8" s="22">
        <v>468</v>
      </c>
      <c r="E8" s="22">
        <v>509</v>
      </c>
      <c r="F8" s="22"/>
      <c r="G8" s="21" t="s">
        <v>12</v>
      </c>
      <c r="H8" s="20"/>
      <c r="I8" s="16">
        <v>3105</v>
      </c>
      <c r="J8" s="22">
        <v>1501</v>
      </c>
      <c r="K8" s="22">
        <v>1604</v>
      </c>
    </row>
    <row r="9" spans="1:11" ht="15" customHeight="1">
      <c r="A9" s="20" t="s">
        <v>13</v>
      </c>
      <c r="B9" s="20"/>
      <c r="C9" s="16">
        <v>1064</v>
      </c>
      <c r="D9" s="22">
        <v>533</v>
      </c>
      <c r="E9" s="22">
        <v>531</v>
      </c>
      <c r="F9" s="22"/>
      <c r="G9" s="21" t="s">
        <v>14</v>
      </c>
      <c r="H9" s="20"/>
      <c r="I9" s="16">
        <v>3034</v>
      </c>
      <c r="J9" s="22">
        <v>1496</v>
      </c>
      <c r="K9" s="22">
        <v>1538</v>
      </c>
    </row>
    <row r="10" spans="1:11" ht="15" customHeight="1">
      <c r="A10" s="20" t="s">
        <v>15</v>
      </c>
      <c r="B10" s="20"/>
      <c r="C10" s="16">
        <v>1124</v>
      </c>
      <c r="D10" s="22">
        <v>560</v>
      </c>
      <c r="E10" s="22">
        <v>564</v>
      </c>
      <c r="F10" s="22"/>
      <c r="G10" s="21" t="s">
        <v>16</v>
      </c>
      <c r="H10" s="20"/>
      <c r="I10" s="16">
        <v>3077</v>
      </c>
      <c r="J10" s="22">
        <v>1542</v>
      </c>
      <c r="K10" s="22">
        <v>1535</v>
      </c>
    </row>
    <row r="11" spans="1:11" ht="20.100000000000001" customHeight="1">
      <c r="A11" s="20" t="s">
        <v>17</v>
      </c>
      <c r="B11" s="20"/>
      <c r="C11" s="16">
        <v>6402</v>
      </c>
      <c r="D11" s="17">
        <v>3313</v>
      </c>
      <c r="E11" s="17">
        <v>3089</v>
      </c>
      <c r="F11" s="17"/>
      <c r="G11" s="21" t="s">
        <v>18</v>
      </c>
      <c r="H11" s="20"/>
      <c r="I11" s="16">
        <v>13109</v>
      </c>
      <c r="J11" s="17">
        <v>6563</v>
      </c>
      <c r="K11" s="17">
        <v>6546</v>
      </c>
    </row>
    <row r="12" spans="1:11" ht="15" customHeight="1">
      <c r="A12" s="20" t="s">
        <v>19</v>
      </c>
      <c r="B12" s="20"/>
      <c r="C12" s="16">
        <v>1112</v>
      </c>
      <c r="D12" s="22">
        <v>565</v>
      </c>
      <c r="E12" s="22">
        <v>547</v>
      </c>
      <c r="F12" s="22"/>
      <c r="G12" s="21" t="s">
        <v>20</v>
      </c>
      <c r="H12" s="20"/>
      <c r="I12" s="16">
        <v>3008</v>
      </c>
      <c r="J12" s="22">
        <v>1498</v>
      </c>
      <c r="K12" s="22">
        <v>1510</v>
      </c>
    </row>
    <row r="13" spans="1:11" ht="15" customHeight="1">
      <c r="A13" s="20" t="s">
        <v>21</v>
      </c>
      <c r="B13" s="20"/>
      <c r="C13" s="16">
        <v>1326</v>
      </c>
      <c r="D13" s="22">
        <v>682</v>
      </c>
      <c r="E13" s="22">
        <v>644</v>
      </c>
      <c r="F13" s="22"/>
      <c r="G13" s="21" t="s">
        <v>22</v>
      </c>
      <c r="H13" s="20"/>
      <c r="I13" s="16">
        <v>2289</v>
      </c>
      <c r="J13" s="22">
        <v>1148</v>
      </c>
      <c r="K13" s="22">
        <v>1141</v>
      </c>
    </row>
    <row r="14" spans="1:11" ht="15" customHeight="1">
      <c r="A14" s="20" t="s">
        <v>23</v>
      </c>
      <c r="B14" s="20"/>
      <c r="C14" s="16">
        <v>1324</v>
      </c>
      <c r="D14" s="22">
        <v>692</v>
      </c>
      <c r="E14" s="22">
        <v>632</v>
      </c>
      <c r="F14" s="22"/>
      <c r="G14" s="21" t="s">
        <v>24</v>
      </c>
      <c r="H14" s="20"/>
      <c r="I14" s="16">
        <v>2795</v>
      </c>
      <c r="J14" s="22">
        <v>1377</v>
      </c>
      <c r="K14" s="22">
        <v>1418</v>
      </c>
    </row>
    <row r="15" spans="1:11" ht="15" customHeight="1">
      <c r="A15" s="20" t="s">
        <v>25</v>
      </c>
      <c r="B15" s="20"/>
      <c r="C15" s="16">
        <v>1271</v>
      </c>
      <c r="D15" s="22">
        <v>635</v>
      </c>
      <c r="E15" s="22">
        <v>636</v>
      </c>
      <c r="F15" s="22"/>
      <c r="G15" s="21" t="s">
        <v>26</v>
      </c>
      <c r="H15" s="20"/>
      <c r="I15" s="16">
        <v>2560</v>
      </c>
      <c r="J15" s="22">
        <v>1313</v>
      </c>
      <c r="K15" s="22">
        <v>1247</v>
      </c>
    </row>
    <row r="16" spans="1:11" ht="15" customHeight="1">
      <c r="A16" s="20" t="s">
        <v>27</v>
      </c>
      <c r="B16" s="20"/>
      <c r="C16" s="16">
        <v>1369</v>
      </c>
      <c r="D16" s="22">
        <v>739</v>
      </c>
      <c r="E16" s="22">
        <v>630</v>
      </c>
      <c r="F16" s="22"/>
      <c r="G16" s="21" t="s">
        <v>28</v>
      </c>
      <c r="H16" s="20"/>
      <c r="I16" s="16">
        <v>2457</v>
      </c>
      <c r="J16" s="22">
        <v>1227</v>
      </c>
      <c r="K16" s="22">
        <v>1230</v>
      </c>
    </row>
    <row r="17" spans="1:11" ht="20.100000000000001" customHeight="1">
      <c r="A17" s="24" t="s">
        <v>29</v>
      </c>
      <c r="B17" s="24"/>
      <c r="C17" s="16">
        <v>7350</v>
      </c>
      <c r="D17" s="17">
        <v>3744</v>
      </c>
      <c r="E17" s="17">
        <v>3606</v>
      </c>
      <c r="F17" s="17"/>
      <c r="G17" s="21" t="s">
        <v>30</v>
      </c>
      <c r="H17" s="20"/>
      <c r="I17" s="16">
        <v>10554</v>
      </c>
      <c r="J17" s="17">
        <v>5305</v>
      </c>
      <c r="K17" s="17">
        <v>5249</v>
      </c>
    </row>
    <row r="18" spans="1:11" ht="15" customHeight="1">
      <c r="A18" s="20" t="s">
        <v>31</v>
      </c>
      <c r="B18" s="20"/>
      <c r="C18" s="16">
        <v>1454</v>
      </c>
      <c r="D18" s="22">
        <v>719</v>
      </c>
      <c r="E18" s="22">
        <v>735</v>
      </c>
      <c r="F18" s="22"/>
      <c r="G18" s="21" t="s">
        <v>32</v>
      </c>
      <c r="H18" s="20"/>
      <c r="I18" s="16">
        <v>2268</v>
      </c>
      <c r="J18" s="22">
        <v>1162</v>
      </c>
      <c r="K18" s="22">
        <v>1106</v>
      </c>
    </row>
    <row r="19" spans="1:11" ht="15" customHeight="1">
      <c r="A19" s="20" t="s">
        <v>33</v>
      </c>
      <c r="B19" s="20"/>
      <c r="C19" s="16">
        <v>1386</v>
      </c>
      <c r="D19" s="22">
        <v>699</v>
      </c>
      <c r="E19" s="22">
        <v>687</v>
      </c>
      <c r="F19" s="22"/>
      <c r="G19" s="21" t="s">
        <v>34</v>
      </c>
      <c r="H19" s="20"/>
      <c r="I19" s="16">
        <v>2151</v>
      </c>
      <c r="J19" s="22">
        <v>1094</v>
      </c>
      <c r="K19" s="22">
        <v>1057</v>
      </c>
    </row>
    <row r="20" spans="1:11" ht="15" customHeight="1">
      <c r="A20" s="20" t="s">
        <v>35</v>
      </c>
      <c r="B20" s="20"/>
      <c r="C20" s="16">
        <v>1508</v>
      </c>
      <c r="D20" s="22">
        <v>777</v>
      </c>
      <c r="E20" s="22">
        <v>731</v>
      </c>
      <c r="F20" s="22"/>
      <c r="G20" s="21" t="s">
        <v>36</v>
      </c>
      <c r="H20" s="20"/>
      <c r="I20" s="16">
        <v>2158</v>
      </c>
      <c r="J20" s="22">
        <v>1053</v>
      </c>
      <c r="K20" s="22">
        <v>1105</v>
      </c>
    </row>
    <row r="21" spans="1:11" ht="15" customHeight="1">
      <c r="A21" s="20" t="s">
        <v>37</v>
      </c>
      <c r="B21" s="20"/>
      <c r="C21" s="16">
        <v>1513</v>
      </c>
      <c r="D21" s="22">
        <v>787</v>
      </c>
      <c r="E21" s="22">
        <v>726</v>
      </c>
      <c r="F21" s="22"/>
      <c r="G21" s="21" t="s">
        <v>38</v>
      </c>
      <c r="H21" s="20"/>
      <c r="I21" s="16">
        <v>1994</v>
      </c>
      <c r="J21" s="22">
        <v>997</v>
      </c>
      <c r="K21" s="22">
        <v>997</v>
      </c>
    </row>
    <row r="22" spans="1:11" ht="15" customHeight="1">
      <c r="A22" s="20" t="s">
        <v>39</v>
      </c>
      <c r="B22" s="20"/>
      <c r="C22" s="16">
        <v>1489</v>
      </c>
      <c r="D22" s="22">
        <v>762</v>
      </c>
      <c r="E22" s="22">
        <v>727</v>
      </c>
      <c r="F22" s="22"/>
      <c r="G22" s="21" t="s">
        <v>40</v>
      </c>
      <c r="H22" s="20"/>
      <c r="I22" s="16">
        <v>1983</v>
      </c>
      <c r="J22" s="22">
        <v>999</v>
      </c>
      <c r="K22" s="22">
        <v>984</v>
      </c>
    </row>
    <row r="23" spans="1:11" ht="20.100000000000001" customHeight="1">
      <c r="A23" s="20" t="s">
        <v>41</v>
      </c>
      <c r="B23" s="20"/>
      <c r="C23" s="16">
        <v>7568</v>
      </c>
      <c r="D23" s="17">
        <v>3835</v>
      </c>
      <c r="E23" s="17">
        <v>3733</v>
      </c>
      <c r="F23" s="17"/>
      <c r="G23" s="21" t="s">
        <v>42</v>
      </c>
      <c r="H23" s="20"/>
      <c r="I23" s="16">
        <v>8954</v>
      </c>
      <c r="J23" s="17">
        <v>4301</v>
      </c>
      <c r="K23" s="17">
        <v>4653</v>
      </c>
    </row>
    <row r="24" spans="1:11" ht="15" customHeight="1">
      <c r="A24" s="20" t="s">
        <v>43</v>
      </c>
      <c r="B24" s="20"/>
      <c r="C24" s="16">
        <v>1551</v>
      </c>
      <c r="D24" s="22">
        <v>814</v>
      </c>
      <c r="E24" s="22">
        <v>737</v>
      </c>
      <c r="F24" s="22"/>
      <c r="G24" s="21" t="s">
        <v>44</v>
      </c>
      <c r="H24" s="20"/>
      <c r="I24" s="16">
        <v>1740</v>
      </c>
      <c r="J24" s="22">
        <v>890</v>
      </c>
      <c r="K24" s="22">
        <v>850</v>
      </c>
    </row>
    <row r="25" spans="1:11" ht="15" customHeight="1">
      <c r="A25" s="20" t="s">
        <v>45</v>
      </c>
      <c r="B25" s="20"/>
      <c r="C25" s="16">
        <v>1525</v>
      </c>
      <c r="D25" s="22">
        <v>757</v>
      </c>
      <c r="E25" s="22">
        <v>768</v>
      </c>
      <c r="F25" s="22"/>
      <c r="G25" s="21" t="s">
        <v>46</v>
      </c>
      <c r="H25" s="20"/>
      <c r="I25" s="16">
        <v>1763</v>
      </c>
      <c r="J25" s="22">
        <v>856</v>
      </c>
      <c r="K25" s="22">
        <v>907</v>
      </c>
    </row>
    <row r="26" spans="1:11" ht="15" customHeight="1">
      <c r="A26" s="20" t="s">
        <v>47</v>
      </c>
      <c r="B26" s="20"/>
      <c r="C26" s="16">
        <v>1476</v>
      </c>
      <c r="D26" s="22">
        <v>718</v>
      </c>
      <c r="E26" s="22">
        <v>758</v>
      </c>
      <c r="F26" s="22"/>
      <c r="G26" s="21" t="s">
        <v>48</v>
      </c>
      <c r="H26" s="20"/>
      <c r="I26" s="16">
        <v>1834</v>
      </c>
      <c r="J26" s="22">
        <v>837</v>
      </c>
      <c r="K26" s="22">
        <v>997</v>
      </c>
    </row>
    <row r="27" spans="1:11" ht="15" customHeight="1">
      <c r="A27" s="20" t="s">
        <v>49</v>
      </c>
      <c r="B27" s="20"/>
      <c r="C27" s="16">
        <v>1455</v>
      </c>
      <c r="D27" s="22">
        <v>751</v>
      </c>
      <c r="E27" s="22">
        <v>704</v>
      </c>
      <c r="F27" s="22"/>
      <c r="G27" s="21" t="s">
        <v>50</v>
      </c>
      <c r="H27" s="20"/>
      <c r="I27" s="16">
        <v>1754</v>
      </c>
      <c r="J27" s="22">
        <v>842</v>
      </c>
      <c r="K27" s="22">
        <v>912</v>
      </c>
    </row>
    <row r="28" spans="1:11" ht="15" customHeight="1">
      <c r="A28" s="20" t="s">
        <v>51</v>
      </c>
      <c r="B28" s="20"/>
      <c r="C28" s="16">
        <v>1561</v>
      </c>
      <c r="D28" s="22">
        <v>795</v>
      </c>
      <c r="E28" s="22">
        <v>766</v>
      </c>
      <c r="F28" s="22"/>
      <c r="G28" s="21" t="s">
        <v>52</v>
      </c>
      <c r="H28" s="20"/>
      <c r="I28" s="16">
        <v>1863</v>
      </c>
      <c r="J28" s="22">
        <v>876</v>
      </c>
      <c r="K28" s="22">
        <v>987</v>
      </c>
    </row>
    <row r="29" spans="1:11" ht="20.100000000000001" customHeight="1">
      <c r="A29" s="20" t="s">
        <v>53</v>
      </c>
      <c r="B29" s="20"/>
      <c r="C29" s="16">
        <v>7199</v>
      </c>
      <c r="D29" s="17">
        <v>3394</v>
      </c>
      <c r="E29" s="17">
        <v>3805</v>
      </c>
      <c r="F29" s="17"/>
      <c r="G29" s="21" t="s">
        <v>54</v>
      </c>
      <c r="H29" s="20"/>
      <c r="I29" s="16">
        <v>11790</v>
      </c>
      <c r="J29" s="17">
        <v>5298</v>
      </c>
      <c r="K29" s="17">
        <v>6492</v>
      </c>
    </row>
    <row r="30" spans="1:11" ht="15" customHeight="1">
      <c r="A30" s="20" t="s">
        <v>55</v>
      </c>
      <c r="B30" s="20"/>
      <c r="C30" s="16">
        <v>1478</v>
      </c>
      <c r="D30" s="22">
        <v>724</v>
      </c>
      <c r="E30" s="22">
        <v>754</v>
      </c>
      <c r="F30" s="22"/>
      <c r="G30" s="21" t="s">
        <v>56</v>
      </c>
      <c r="H30" s="20"/>
      <c r="I30" s="16">
        <v>1956</v>
      </c>
      <c r="J30" s="22">
        <v>868</v>
      </c>
      <c r="K30" s="22">
        <v>1088</v>
      </c>
    </row>
    <row r="31" spans="1:11" ht="15" customHeight="1">
      <c r="A31" s="20" t="s">
        <v>57</v>
      </c>
      <c r="B31" s="20"/>
      <c r="C31" s="16">
        <v>1552</v>
      </c>
      <c r="D31" s="22">
        <v>745</v>
      </c>
      <c r="E31" s="22">
        <v>807</v>
      </c>
      <c r="F31" s="22"/>
      <c r="G31" s="21" t="s">
        <v>58</v>
      </c>
      <c r="H31" s="20"/>
      <c r="I31" s="16">
        <v>2159</v>
      </c>
      <c r="J31" s="22">
        <v>990</v>
      </c>
      <c r="K31" s="22">
        <v>1169</v>
      </c>
    </row>
    <row r="32" spans="1:11" ht="15" customHeight="1">
      <c r="A32" s="20" t="s">
        <v>59</v>
      </c>
      <c r="B32" s="20"/>
      <c r="C32" s="16">
        <v>1445</v>
      </c>
      <c r="D32" s="22">
        <v>657</v>
      </c>
      <c r="E32" s="22">
        <v>788</v>
      </c>
      <c r="F32" s="22"/>
      <c r="G32" s="21" t="s">
        <v>60</v>
      </c>
      <c r="H32" s="20"/>
      <c r="I32" s="16">
        <v>2265</v>
      </c>
      <c r="J32" s="22">
        <v>1042</v>
      </c>
      <c r="K32" s="22">
        <v>1223</v>
      </c>
    </row>
    <row r="33" spans="1:11" ht="15" customHeight="1">
      <c r="A33" s="20" t="s">
        <v>61</v>
      </c>
      <c r="B33" s="20"/>
      <c r="C33" s="16">
        <v>1422</v>
      </c>
      <c r="D33" s="22">
        <v>651</v>
      </c>
      <c r="E33" s="22">
        <v>771</v>
      </c>
      <c r="F33" s="22"/>
      <c r="G33" s="21" t="s">
        <v>62</v>
      </c>
      <c r="H33" s="20"/>
      <c r="I33" s="16">
        <v>2638</v>
      </c>
      <c r="J33" s="22">
        <v>1166</v>
      </c>
      <c r="K33" s="22">
        <v>1472</v>
      </c>
    </row>
    <row r="34" spans="1:11" ht="15" customHeight="1">
      <c r="A34" s="20" t="s">
        <v>63</v>
      </c>
      <c r="B34" s="20"/>
      <c r="C34" s="16">
        <v>1302</v>
      </c>
      <c r="D34" s="22">
        <v>617</v>
      </c>
      <c r="E34" s="22">
        <v>685</v>
      </c>
      <c r="F34" s="22"/>
      <c r="G34" s="21" t="s">
        <v>64</v>
      </c>
      <c r="H34" s="20"/>
      <c r="I34" s="16">
        <v>2772</v>
      </c>
      <c r="J34" s="22">
        <v>1232</v>
      </c>
      <c r="K34" s="22">
        <v>1540</v>
      </c>
    </row>
    <row r="35" spans="1:11" ht="20.100000000000001" customHeight="1">
      <c r="A35" s="20" t="s">
        <v>65</v>
      </c>
      <c r="B35" s="20"/>
      <c r="C35" s="16">
        <v>6269</v>
      </c>
      <c r="D35" s="17">
        <v>3087</v>
      </c>
      <c r="E35" s="17">
        <v>3182</v>
      </c>
      <c r="F35" s="17"/>
      <c r="G35" s="21" t="s">
        <v>66</v>
      </c>
      <c r="H35" s="20"/>
      <c r="I35" s="16">
        <v>11029</v>
      </c>
      <c r="J35" s="17">
        <v>4755</v>
      </c>
      <c r="K35" s="17">
        <v>6274</v>
      </c>
    </row>
    <row r="36" spans="1:11" ht="15" customHeight="1">
      <c r="A36" s="20" t="s">
        <v>67</v>
      </c>
      <c r="B36" s="20"/>
      <c r="C36" s="16">
        <v>1290</v>
      </c>
      <c r="D36" s="22">
        <v>621</v>
      </c>
      <c r="E36" s="22">
        <v>669</v>
      </c>
      <c r="F36" s="22"/>
      <c r="G36" s="21" t="s">
        <v>68</v>
      </c>
      <c r="H36" s="20"/>
      <c r="I36" s="16">
        <v>2886</v>
      </c>
      <c r="J36" s="22">
        <v>1311</v>
      </c>
      <c r="K36" s="22">
        <v>1575</v>
      </c>
    </row>
    <row r="37" spans="1:11" ht="15" customHeight="1">
      <c r="A37" s="20" t="s">
        <v>69</v>
      </c>
      <c r="B37" s="20"/>
      <c r="C37" s="16">
        <v>1252</v>
      </c>
      <c r="D37" s="22">
        <v>613</v>
      </c>
      <c r="E37" s="22">
        <v>639</v>
      </c>
      <c r="F37" s="22"/>
      <c r="G37" s="21" t="s">
        <v>70</v>
      </c>
      <c r="H37" s="20"/>
      <c r="I37" s="16">
        <v>2020</v>
      </c>
      <c r="J37" s="22">
        <v>880</v>
      </c>
      <c r="K37" s="22">
        <v>1140</v>
      </c>
    </row>
    <row r="38" spans="1:11" ht="15" customHeight="1">
      <c r="A38" s="20" t="s">
        <v>71</v>
      </c>
      <c r="B38" s="20"/>
      <c r="C38" s="16">
        <v>1181</v>
      </c>
      <c r="D38" s="22">
        <v>607</v>
      </c>
      <c r="E38" s="22">
        <v>574</v>
      </c>
      <c r="F38" s="22"/>
      <c r="G38" s="21" t="s">
        <v>72</v>
      </c>
      <c r="H38" s="20"/>
      <c r="I38" s="16">
        <v>1765</v>
      </c>
      <c r="J38" s="22">
        <v>748</v>
      </c>
      <c r="K38" s="22">
        <v>1017</v>
      </c>
    </row>
    <row r="39" spans="1:11" ht="15" customHeight="1">
      <c r="A39" s="20" t="s">
        <v>73</v>
      </c>
      <c r="B39" s="20"/>
      <c r="C39" s="16">
        <v>1339</v>
      </c>
      <c r="D39" s="22">
        <v>663</v>
      </c>
      <c r="E39" s="22">
        <v>676</v>
      </c>
      <c r="F39" s="22"/>
      <c r="G39" s="21" t="s">
        <v>74</v>
      </c>
      <c r="H39" s="20"/>
      <c r="I39" s="16">
        <v>2137</v>
      </c>
      <c r="J39" s="22">
        <v>888</v>
      </c>
      <c r="K39" s="22">
        <v>1249</v>
      </c>
    </row>
    <row r="40" spans="1:11" ht="15" customHeight="1">
      <c r="A40" s="20" t="s">
        <v>75</v>
      </c>
      <c r="B40" s="20"/>
      <c r="C40" s="16">
        <v>1207</v>
      </c>
      <c r="D40" s="22">
        <v>583</v>
      </c>
      <c r="E40" s="22">
        <v>624</v>
      </c>
      <c r="F40" s="22"/>
      <c r="G40" s="21" t="s">
        <v>76</v>
      </c>
      <c r="H40" s="20"/>
      <c r="I40" s="16">
        <v>2221</v>
      </c>
      <c r="J40" s="22">
        <v>928</v>
      </c>
      <c r="K40" s="22">
        <v>1293</v>
      </c>
    </row>
    <row r="41" spans="1:11" ht="20.100000000000001" customHeight="1">
      <c r="A41" s="20" t="s">
        <v>77</v>
      </c>
      <c r="B41" s="20"/>
      <c r="C41" s="16">
        <v>6617</v>
      </c>
      <c r="D41" s="17">
        <v>3202</v>
      </c>
      <c r="E41" s="17">
        <v>3415</v>
      </c>
      <c r="F41" s="17"/>
      <c r="G41" s="21" t="s">
        <v>78</v>
      </c>
      <c r="H41" s="20"/>
      <c r="I41" s="16">
        <v>9416</v>
      </c>
      <c r="J41" s="17">
        <v>3864</v>
      </c>
      <c r="K41" s="17">
        <v>5552</v>
      </c>
    </row>
    <row r="42" spans="1:11" ht="15" customHeight="1">
      <c r="A42" s="20" t="s">
        <v>79</v>
      </c>
      <c r="B42" s="20"/>
      <c r="C42" s="16">
        <v>1221</v>
      </c>
      <c r="D42" s="22">
        <v>563</v>
      </c>
      <c r="E42" s="22">
        <v>658</v>
      </c>
      <c r="F42" s="22"/>
      <c r="G42" s="21" t="s">
        <v>80</v>
      </c>
      <c r="H42" s="20"/>
      <c r="I42" s="16">
        <v>2189</v>
      </c>
      <c r="J42" s="22">
        <v>903</v>
      </c>
      <c r="K42" s="22">
        <v>1286</v>
      </c>
    </row>
    <row r="43" spans="1:11" ht="15" customHeight="1">
      <c r="A43" s="20" t="s">
        <v>81</v>
      </c>
      <c r="B43" s="20"/>
      <c r="C43" s="16">
        <v>1275</v>
      </c>
      <c r="D43" s="22">
        <v>633</v>
      </c>
      <c r="E43" s="22">
        <v>642</v>
      </c>
      <c r="F43" s="22"/>
      <c r="G43" s="21" t="s">
        <v>82</v>
      </c>
      <c r="H43" s="20"/>
      <c r="I43" s="16">
        <v>2107</v>
      </c>
      <c r="J43" s="22">
        <v>852</v>
      </c>
      <c r="K43" s="22">
        <v>1255</v>
      </c>
    </row>
    <row r="44" spans="1:11" ht="15" customHeight="1">
      <c r="A44" s="20" t="s">
        <v>83</v>
      </c>
      <c r="B44" s="20"/>
      <c r="C44" s="16">
        <v>1321</v>
      </c>
      <c r="D44" s="22">
        <v>639</v>
      </c>
      <c r="E44" s="22">
        <v>682</v>
      </c>
      <c r="F44" s="22"/>
      <c r="G44" s="21" t="s">
        <v>84</v>
      </c>
      <c r="H44" s="20"/>
      <c r="I44" s="16">
        <v>1990</v>
      </c>
      <c r="J44" s="22">
        <v>838</v>
      </c>
      <c r="K44" s="22">
        <v>1152</v>
      </c>
    </row>
    <row r="45" spans="1:11" ht="15" customHeight="1">
      <c r="A45" s="20" t="s">
        <v>85</v>
      </c>
      <c r="B45" s="20"/>
      <c r="C45" s="16">
        <v>1376</v>
      </c>
      <c r="D45" s="22">
        <v>665</v>
      </c>
      <c r="E45" s="22">
        <v>711</v>
      </c>
      <c r="F45" s="22"/>
      <c r="G45" s="21" t="s">
        <v>86</v>
      </c>
      <c r="H45" s="20"/>
      <c r="I45" s="16">
        <v>1601</v>
      </c>
      <c r="J45" s="22">
        <v>634</v>
      </c>
      <c r="K45" s="22">
        <v>967</v>
      </c>
    </row>
    <row r="46" spans="1:11" ht="15" customHeight="1">
      <c r="A46" s="20" t="s">
        <v>87</v>
      </c>
      <c r="B46" s="20"/>
      <c r="C46" s="16">
        <v>1424</v>
      </c>
      <c r="D46" s="22">
        <v>702</v>
      </c>
      <c r="E46" s="22">
        <v>722</v>
      </c>
      <c r="F46" s="22"/>
      <c r="G46" s="21" t="s">
        <v>88</v>
      </c>
      <c r="H46" s="20"/>
      <c r="I46" s="16">
        <v>1529</v>
      </c>
      <c r="J46" s="22">
        <v>637</v>
      </c>
      <c r="K46" s="22">
        <v>892</v>
      </c>
    </row>
    <row r="47" spans="1:11" ht="20.100000000000001" customHeight="1">
      <c r="A47" s="20" t="s">
        <v>89</v>
      </c>
      <c r="B47" s="20"/>
      <c r="C47" s="16">
        <v>8494</v>
      </c>
      <c r="D47" s="17">
        <v>4078</v>
      </c>
      <c r="E47" s="17">
        <v>4416</v>
      </c>
      <c r="F47" s="17"/>
      <c r="G47" s="21" t="s">
        <v>90</v>
      </c>
      <c r="H47" s="20"/>
      <c r="I47" s="16">
        <v>6847</v>
      </c>
      <c r="J47" s="17">
        <v>2671</v>
      </c>
      <c r="K47" s="17">
        <v>4176</v>
      </c>
    </row>
    <row r="48" spans="1:11" ht="15" customHeight="1">
      <c r="A48" s="20" t="s">
        <v>91</v>
      </c>
      <c r="B48" s="20"/>
      <c r="C48" s="16">
        <v>1509</v>
      </c>
      <c r="D48" s="22">
        <v>710</v>
      </c>
      <c r="E48" s="22">
        <v>799</v>
      </c>
      <c r="F48" s="22"/>
      <c r="G48" s="21" t="s">
        <v>92</v>
      </c>
      <c r="H48" s="20"/>
      <c r="I48" s="16">
        <v>1618</v>
      </c>
      <c r="J48" s="22">
        <v>649</v>
      </c>
      <c r="K48" s="22">
        <v>969</v>
      </c>
    </row>
    <row r="49" spans="1:11" ht="15" customHeight="1">
      <c r="A49" s="20" t="s">
        <v>93</v>
      </c>
      <c r="B49" s="20"/>
      <c r="C49" s="16">
        <v>1618</v>
      </c>
      <c r="D49" s="22">
        <v>785</v>
      </c>
      <c r="E49" s="22">
        <v>833</v>
      </c>
      <c r="F49" s="22"/>
      <c r="G49" s="21" t="s">
        <v>94</v>
      </c>
      <c r="H49" s="20"/>
      <c r="I49" s="16">
        <v>1420</v>
      </c>
      <c r="J49" s="22">
        <v>561</v>
      </c>
      <c r="K49" s="22">
        <v>859</v>
      </c>
    </row>
    <row r="50" spans="1:11" ht="15" customHeight="1">
      <c r="A50" s="20" t="s">
        <v>95</v>
      </c>
      <c r="B50" s="20"/>
      <c r="C50" s="16">
        <v>1672</v>
      </c>
      <c r="D50" s="22">
        <v>820</v>
      </c>
      <c r="E50" s="22">
        <v>852</v>
      </c>
      <c r="F50" s="22"/>
      <c r="G50" s="21" t="s">
        <v>96</v>
      </c>
      <c r="H50" s="20"/>
      <c r="I50" s="16">
        <v>1425</v>
      </c>
      <c r="J50" s="22">
        <v>556</v>
      </c>
      <c r="K50" s="22">
        <v>869</v>
      </c>
    </row>
    <row r="51" spans="1:11" ht="15" customHeight="1">
      <c r="A51" s="20" t="s">
        <v>97</v>
      </c>
      <c r="B51" s="20"/>
      <c r="C51" s="16">
        <v>1819</v>
      </c>
      <c r="D51" s="22">
        <v>862</v>
      </c>
      <c r="E51" s="22">
        <v>957</v>
      </c>
      <c r="F51" s="22"/>
      <c r="G51" s="21" t="s">
        <v>98</v>
      </c>
      <c r="H51" s="20"/>
      <c r="I51" s="16">
        <v>1192</v>
      </c>
      <c r="J51" s="22">
        <v>477</v>
      </c>
      <c r="K51" s="22">
        <v>715</v>
      </c>
    </row>
    <row r="52" spans="1:11" ht="15" customHeight="1">
      <c r="A52" s="20" t="s">
        <v>99</v>
      </c>
      <c r="B52" s="20"/>
      <c r="C52" s="16">
        <v>1876</v>
      </c>
      <c r="D52" s="22">
        <v>901</v>
      </c>
      <c r="E52" s="22">
        <v>975</v>
      </c>
      <c r="F52" s="22"/>
      <c r="G52" s="21" t="s">
        <v>100</v>
      </c>
      <c r="H52" s="20"/>
      <c r="I52" s="16">
        <v>1192</v>
      </c>
      <c r="J52" s="22">
        <v>428</v>
      </c>
      <c r="K52" s="22">
        <v>764</v>
      </c>
    </row>
    <row r="53" spans="1:11" ht="20.100000000000001" customHeight="1">
      <c r="A53" s="20" t="s">
        <v>101</v>
      </c>
      <c r="B53" s="20"/>
      <c r="C53" s="16">
        <v>10571</v>
      </c>
      <c r="D53" s="17">
        <v>5030</v>
      </c>
      <c r="E53" s="17">
        <v>5541</v>
      </c>
      <c r="F53" s="17"/>
      <c r="G53" s="21" t="s">
        <v>102</v>
      </c>
      <c r="H53" s="20"/>
      <c r="I53" s="16">
        <v>3521</v>
      </c>
      <c r="J53" s="17">
        <v>1082</v>
      </c>
      <c r="K53" s="17">
        <v>2439</v>
      </c>
    </row>
    <row r="54" spans="1:11" ht="15" customHeight="1">
      <c r="A54" s="20" t="s">
        <v>103</v>
      </c>
      <c r="B54" s="20"/>
      <c r="C54" s="16">
        <v>1851</v>
      </c>
      <c r="D54" s="22">
        <v>915</v>
      </c>
      <c r="E54" s="22">
        <v>936</v>
      </c>
      <c r="F54" s="22"/>
      <c r="G54" s="21" t="s">
        <v>104</v>
      </c>
      <c r="H54" s="20"/>
      <c r="I54" s="16">
        <v>972</v>
      </c>
      <c r="J54" s="22">
        <v>341</v>
      </c>
      <c r="K54" s="22">
        <v>631</v>
      </c>
    </row>
    <row r="55" spans="1:11" ht="15" customHeight="1">
      <c r="A55" s="20" t="s">
        <v>105</v>
      </c>
      <c r="B55" s="20"/>
      <c r="C55" s="16">
        <v>1992</v>
      </c>
      <c r="D55" s="22">
        <v>935</v>
      </c>
      <c r="E55" s="22">
        <v>1057</v>
      </c>
      <c r="F55" s="22"/>
      <c r="G55" s="21" t="s">
        <v>106</v>
      </c>
      <c r="H55" s="20"/>
      <c r="I55" s="16">
        <v>756</v>
      </c>
      <c r="J55" s="22">
        <v>234</v>
      </c>
      <c r="K55" s="22">
        <v>522</v>
      </c>
    </row>
    <row r="56" spans="1:11" ht="15" customHeight="1">
      <c r="A56" s="20" t="s">
        <v>107</v>
      </c>
      <c r="B56" s="20"/>
      <c r="C56" s="16">
        <v>2044</v>
      </c>
      <c r="D56" s="22">
        <v>959</v>
      </c>
      <c r="E56" s="22">
        <v>1085</v>
      </c>
      <c r="F56" s="22"/>
      <c r="G56" s="21" t="s">
        <v>108</v>
      </c>
      <c r="H56" s="20"/>
      <c r="I56" s="16">
        <v>715</v>
      </c>
      <c r="J56" s="22">
        <v>227</v>
      </c>
      <c r="K56" s="22">
        <v>488</v>
      </c>
    </row>
    <row r="57" spans="1:11" ht="15" customHeight="1">
      <c r="A57" s="20" t="s">
        <v>109</v>
      </c>
      <c r="B57" s="20"/>
      <c r="C57" s="16">
        <v>2322</v>
      </c>
      <c r="D57" s="22">
        <v>1090</v>
      </c>
      <c r="E57" s="22">
        <v>1232</v>
      </c>
      <c r="F57" s="22"/>
      <c r="G57" s="21" t="s">
        <v>110</v>
      </c>
      <c r="H57" s="20"/>
      <c r="I57" s="16">
        <v>602</v>
      </c>
      <c r="J57" s="22">
        <v>153</v>
      </c>
      <c r="K57" s="22">
        <v>449</v>
      </c>
    </row>
    <row r="58" spans="1:11" ht="15" customHeight="1">
      <c r="A58" s="20" t="s">
        <v>111</v>
      </c>
      <c r="B58" s="20"/>
      <c r="C58" s="16">
        <v>2362</v>
      </c>
      <c r="D58" s="22">
        <v>1131</v>
      </c>
      <c r="E58" s="22">
        <v>1231</v>
      </c>
      <c r="F58" s="22"/>
      <c r="G58" s="21" t="s">
        <v>112</v>
      </c>
      <c r="H58" s="20"/>
      <c r="I58" s="16">
        <v>476</v>
      </c>
      <c r="J58" s="22">
        <v>127</v>
      </c>
      <c r="K58" s="22">
        <v>349</v>
      </c>
    </row>
    <row r="59" spans="1:11" ht="20.100000000000001" customHeight="1">
      <c r="A59" s="20" t="s">
        <v>113</v>
      </c>
      <c r="B59" s="20"/>
      <c r="C59" s="16">
        <v>13755</v>
      </c>
      <c r="D59" s="17">
        <v>6537</v>
      </c>
      <c r="E59" s="17">
        <v>7218</v>
      </c>
      <c r="F59" s="17"/>
      <c r="G59" s="21" t="s">
        <v>114</v>
      </c>
      <c r="H59" s="20"/>
      <c r="I59" s="16">
        <v>956</v>
      </c>
      <c r="J59" s="17">
        <v>237</v>
      </c>
      <c r="K59" s="17">
        <v>719</v>
      </c>
    </row>
    <row r="60" spans="1:11" ht="15" customHeight="1">
      <c r="A60" s="20" t="s">
        <v>115</v>
      </c>
      <c r="B60" s="20"/>
      <c r="C60" s="16">
        <v>2451</v>
      </c>
      <c r="D60" s="22">
        <v>1164</v>
      </c>
      <c r="E60" s="22">
        <v>1287</v>
      </c>
      <c r="F60" s="22"/>
      <c r="G60" s="21" t="s">
        <v>116</v>
      </c>
      <c r="H60" s="20"/>
      <c r="I60" s="16">
        <v>333</v>
      </c>
      <c r="J60" s="22">
        <v>76</v>
      </c>
      <c r="K60" s="22">
        <v>257</v>
      </c>
    </row>
    <row r="61" spans="1:11" ht="15" customHeight="1">
      <c r="A61" s="20" t="s">
        <v>117</v>
      </c>
      <c r="B61" s="20"/>
      <c r="C61" s="16">
        <v>2626</v>
      </c>
      <c r="D61" s="22">
        <v>1225</v>
      </c>
      <c r="E61" s="22">
        <v>1401</v>
      </c>
      <c r="F61" s="22"/>
      <c r="G61" s="21" t="s">
        <v>118</v>
      </c>
      <c r="H61" s="20"/>
      <c r="I61" s="16">
        <v>247</v>
      </c>
      <c r="J61" s="22">
        <v>75</v>
      </c>
      <c r="K61" s="22">
        <v>172</v>
      </c>
    </row>
    <row r="62" spans="1:11" ht="15" customHeight="1">
      <c r="A62" s="20" t="s">
        <v>119</v>
      </c>
      <c r="B62" s="20"/>
      <c r="C62" s="16">
        <v>2656</v>
      </c>
      <c r="D62" s="22">
        <v>1279</v>
      </c>
      <c r="E62" s="22">
        <v>1377</v>
      </c>
      <c r="F62" s="22"/>
      <c r="G62" s="21" t="s">
        <v>120</v>
      </c>
      <c r="H62" s="20"/>
      <c r="I62" s="16">
        <v>174</v>
      </c>
      <c r="J62" s="22">
        <v>39</v>
      </c>
      <c r="K62" s="22">
        <v>135</v>
      </c>
    </row>
    <row r="63" spans="1:11" ht="15" customHeight="1">
      <c r="A63" s="20" t="s">
        <v>121</v>
      </c>
      <c r="B63" s="20"/>
      <c r="C63" s="16">
        <v>2857</v>
      </c>
      <c r="D63" s="22">
        <v>1379</v>
      </c>
      <c r="E63" s="22">
        <v>1478</v>
      </c>
      <c r="F63" s="22"/>
      <c r="G63" s="21" t="s">
        <v>122</v>
      </c>
      <c r="H63" s="20"/>
      <c r="I63" s="16">
        <v>132</v>
      </c>
      <c r="J63" s="22">
        <v>29</v>
      </c>
      <c r="K63" s="22">
        <v>103</v>
      </c>
    </row>
    <row r="64" spans="1:11" ht="15" customHeight="1">
      <c r="A64" s="20" t="s">
        <v>123</v>
      </c>
      <c r="B64" s="20"/>
      <c r="C64" s="16">
        <v>3165</v>
      </c>
      <c r="D64" s="22">
        <v>1490</v>
      </c>
      <c r="E64" s="22">
        <v>1675</v>
      </c>
      <c r="F64" s="22"/>
      <c r="G64" s="21" t="s">
        <v>124</v>
      </c>
      <c r="H64" s="20"/>
      <c r="I64" s="16">
        <v>70</v>
      </c>
      <c r="J64" s="22">
        <v>18</v>
      </c>
      <c r="K64" s="22">
        <v>52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70</v>
      </c>
      <c r="J65" s="22">
        <v>24</v>
      </c>
      <c r="K65" s="22">
        <v>146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889</v>
      </c>
      <c r="J66" s="32">
        <v>370</v>
      </c>
      <c r="K66" s="32">
        <v>519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0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31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56437</v>
      </c>
      <c r="D4" s="17">
        <v>26385</v>
      </c>
      <c r="E4" s="17">
        <v>30052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729</v>
      </c>
      <c r="D5" s="17">
        <v>879</v>
      </c>
      <c r="E5" s="17">
        <v>850</v>
      </c>
      <c r="F5" s="17"/>
      <c r="G5" s="21" t="s">
        <v>6</v>
      </c>
      <c r="H5" s="20"/>
      <c r="I5" s="16">
        <v>4895</v>
      </c>
      <c r="J5" s="17">
        <v>2302</v>
      </c>
      <c r="K5" s="17">
        <v>2593</v>
      </c>
    </row>
    <row r="6" spans="1:11" ht="15" customHeight="1">
      <c r="A6" s="20" t="s">
        <v>7</v>
      </c>
      <c r="B6" s="20"/>
      <c r="C6" s="16">
        <v>321</v>
      </c>
      <c r="D6" s="22">
        <v>160</v>
      </c>
      <c r="E6" s="22">
        <v>161</v>
      </c>
      <c r="F6" s="22"/>
      <c r="G6" s="21" t="s">
        <v>8</v>
      </c>
      <c r="H6" s="20"/>
      <c r="I6" s="16">
        <v>959</v>
      </c>
      <c r="J6" s="22">
        <v>440</v>
      </c>
      <c r="K6" s="22">
        <v>519</v>
      </c>
    </row>
    <row r="7" spans="1:11" ht="15" customHeight="1">
      <c r="A7" s="20" t="s">
        <v>9</v>
      </c>
      <c r="B7" s="20"/>
      <c r="C7" s="16">
        <v>361</v>
      </c>
      <c r="D7" s="22">
        <v>187</v>
      </c>
      <c r="E7" s="22">
        <v>174</v>
      </c>
      <c r="F7" s="22"/>
      <c r="G7" s="21" t="s">
        <v>10</v>
      </c>
      <c r="H7" s="20"/>
      <c r="I7" s="16">
        <v>1044</v>
      </c>
      <c r="J7" s="22">
        <v>495</v>
      </c>
      <c r="K7" s="22">
        <v>549</v>
      </c>
    </row>
    <row r="8" spans="1:11" ht="15" customHeight="1">
      <c r="A8" s="20" t="s">
        <v>11</v>
      </c>
      <c r="B8" s="20"/>
      <c r="C8" s="16">
        <v>288</v>
      </c>
      <c r="D8" s="22">
        <v>152</v>
      </c>
      <c r="E8" s="22">
        <v>136</v>
      </c>
      <c r="F8" s="22"/>
      <c r="G8" s="21" t="s">
        <v>12</v>
      </c>
      <c r="H8" s="20"/>
      <c r="I8" s="16">
        <v>1016</v>
      </c>
      <c r="J8" s="22">
        <v>475</v>
      </c>
      <c r="K8" s="22">
        <v>541</v>
      </c>
    </row>
    <row r="9" spans="1:11" ht="15" customHeight="1">
      <c r="A9" s="20" t="s">
        <v>13</v>
      </c>
      <c r="B9" s="20"/>
      <c r="C9" s="16">
        <v>358</v>
      </c>
      <c r="D9" s="22">
        <v>175</v>
      </c>
      <c r="E9" s="22">
        <v>183</v>
      </c>
      <c r="F9" s="22"/>
      <c r="G9" s="21" t="s">
        <v>14</v>
      </c>
      <c r="H9" s="20"/>
      <c r="I9" s="16">
        <v>932</v>
      </c>
      <c r="J9" s="22">
        <v>446</v>
      </c>
      <c r="K9" s="22">
        <v>486</v>
      </c>
    </row>
    <row r="10" spans="1:11" ht="15" customHeight="1">
      <c r="A10" s="20" t="s">
        <v>15</v>
      </c>
      <c r="B10" s="20"/>
      <c r="C10" s="16">
        <v>401</v>
      </c>
      <c r="D10" s="22">
        <v>205</v>
      </c>
      <c r="E10" s="22">
        <v>196</v>
      </c>
      <c r="F10" s="22"/>
      <c r="G10" s="21" t="s">
        <v>16</v>
      </c>
      <c r="H10" s="20"/>
      <c r="I10" s="16">
        <v>944</v>
      </c>
      <c r="J10" s="22">
        <v>446</v>
      </c>
      <c r="K10" s="22">
        <v>498</v>
      </c>
    </row>
    <row r="11" spans="1:11" ht="20.100000000000001" customHeight="1">
      <c r="A11" s="20" t="s">
        <v>17</v>
      </c>
      <c r="B11" s="20"/>
      <c r="C11" s="16">
        <v>2117</v>
      </c>
      <c r="D11" s="17">
        <v>1076</v>
      </c>
      <c r="E11" s="17">
        <v>1041</v>
      </c>
      <c r="F11" s="17"/>
      <c r="G11" s="21" t="s">
        <v>18</v>
      </c>
      <c r="H11" s="20"/>
      <c r="I11" s="16">
        <v>4310</v>
      </c>
      <c r="J11" s="17">
        <v>2166</v>
      </c>
      <c r="K11" s="17">
        <v>2144</v>
      </c>
    </row>
    <row r="12" spans="1:11" ht="15" customHeight="1">
      <c r="A12" s="20" t="s">
        <v>19</v>
      </c>
      <c r="B12" s="20"/>
      <c r="C12" s="16">
        <v>364</v>
      </c>
      <c r="D12" s="22">
        <v>177</v>
      </c>
      <c r="E12" s="22">
        <v>187</v>
      </c>
      <c r="F12" s="22"/>
      <c r="G12" s="21" t="s">
        <v>20</v>
      </c>
      <c r="H12" s="20"/>
      <c r="I12" s="16">
        <v>1037</v>
      </c>
      <c r="J12" s="22">
        <v>515</v>
      </c>
      <c r="K12" s="22">
        <v>522</v>
      </c>
    </row>
    <row r="13" spans="1:11" ht="15" customHeight="1">
      <c r="A13" s="20" t="s">
        <v>21</v>
      </c>
      <c r="B13" s="20"/>
      <c r="C13" s="16">
        <v>388</v>
      </c>
      <c r="D13" s="22">
        <v>186</v>
      </c>
      <c r="E13" s="22">
        <v>202</v>
      </c>
      <c r="F13" s="22"/>
      <c r="G13" s="21" t="s">
        <v>22</v>
      </c>
      <c r="H13" s="20"/>
      <c r="I13" s="16">
        <v>733</v>
      </c>
      <c r="J13" s="22">
        <v>361</v>
      </c>
      <c r="K13" s="22">
        <v>372</v>
      </c>
    </row>
    <row r="14" spans="1:11" ht="15" customHeight="1">
      <c r="A14" s="20" t="s">
        <v>23</v>
      </c>
      <c r="B14" s="20"/>
      <c r="C14" s="16">
        <v>473</v>
      </c>
      <c r="D14" s="22">
        <v>258</v>
      </c>
      <c r="E14" s="22">
        <v>215</v>
      </c>
      <c r="F14" s="22"/>
      <c r="G14" s="21" t="s">
        <v>24</v>
      </c>
      <c r="H14" s="20"/>
      <c r="I14" s="16">
        <v>918</v>
      </c>
      <c r="J14" s="22">
        <v>479</v>
      </c>
      <c r="K14" s="22">
        <v>439</v>
      </c>
    </row>
    <row r="15" spans="1:11" ht="15" customHeight="1">
      <c r="A15" s="20" t="s">
        <v>25</v>
      </c>
      <c r="B15" s="20"/>
      <c r="C15" s="16">
        <v>419</v>
      </c>
      <c r="D15" s="22">
        <v>211</v>
      </c>
      <c r="E15" s="22">
        <v>208</v>
      </c>
      <c r="F15" s="22"/>
      <c r="G15" s="21" t="s">
        <v>26</v>
      </c>
      <c r="H15" s="20"/>
      <c r="I15" s="16">
        <v>800</v>
      </c>
      <c r="J15" s="22">
        <v>409</v>
      </c>
      <c r="K15" s="22">
        <v>391</v>
      </c>
    </row>
    <row r="16" spans="1:11" ht="15" customHeight="1">
      <c r="A16" s="20" t="s">
        <v>27</v>
      </c>
      <c r="B16" s="20"/>
      <c r="C16" s="16">
        <v>473</v>
      </c>
      <c r="D16" s="22">
        <v>244</v>
      </c>
      <c r="E16" s="22">
        <v>229</v>
      </c>
      <c r="F16" s="22"/>
      <c r="G16" s="21" t="s">
        <v>28</v>
      </c>
      <c r="H16" s="20"/>
      <c r="I16" s="16">
        <v>822</v>
      </c>
      <c r="J16" s="22">
        <v>402</v>
      </c>
      <c r="K16" s="22">
        <v>420</v>
      </c>
    </row>
    <row r="17" spans="1:11" ht="20.100000000000001" customHeight="1">
      <c r="A17" s="24" t="s">
        <v>29</v>
      </c>
      <c r="B17" s="24"/>
      <c r="C17" s="16">
        <v>2347</v>
      </c>
      <c r="D17" s="17">
        <v>1197</v>
      </c>
      <c r="E17" s="17">
        <v>1150</v>
      </c>
      <c r="F17" s="17"/>
      <c r="G17" s="21" t="s">
        <v>30</v>
      </c>
      <c r="H17" s="20"/>
      <c r="I17" s="16">
        <v>3561</v>
      </c>
      <c r="J17" s="17">
        <v>1742</v>
      </c>
      <c r="K17" s="17">
        <v>1819</v>
      </c>
    </row>
    <row r="18" spans="1:11" ht="15" customHeight="1">
      <c r="A18" s="20" t="s">
        <v>31</v>
      </c>
      <c r="B18" s="20"/>
      <c r="C18" s="16">
        <v>450</v>
      </c>
      <c r="D18" s="22">
        <v>250</v>
      </c>
      <c r="E18" s="22">
        <v>200</v>
      </c>
      <c r="F18" s="22"/>
      <c r="G18" s="21" t="s">
        <v>32</v>
      </c>
      <c r="H18" s="20"/>
      <c r="I18" s="16">
        <v>794</v>
      </c>
      <c r="J18" s="22">
        <v>392</v>
      </c>
      <c r="K18" s="22">
        <v>402</v>
      </c>
    </row>
    <row r="19" spans="1:11" ht="15" customHeight="1">
      <c r="A19" s="20" t="s">
        <v>33</v>
      </c>
      <c r="B19" s="20"/>
      <c r="C19" s="16">
        <v>472</v>
      </c>
      <c r="D19" s="22">
        <v>246</v>
      </c>
      <c r="E19" s="22">
        <v>226</v>
      </c>
      <c r="F19" s="22"/>
      <c r="G19" s="21" t="s">
        <v>34</v>
      </c>
      <c r="H19" s="20"/>
      <c r="I19" s="16">
        <v>734</v>
      </c>
      <c r="J19" s="22">
        <v>368</v>
      </c>
      <c r="K19" s="22">
        <v>366</v>
      </c>
    </row>
    <row r="20" spans="1:11" ht="15" customHeight="1">
      <c r="A20" s="20" t="s">
        <v>35</v>
      </c>
      <c r="B20" s="20"/>
      <c r="C20" s="16">
        <v>469</v>
      </c>
      <c r="D20" s="22">
        <v>234</v>
      </c>
      <c r="E20" s="22">
        <v>235</v>
      </c>
      <c r="F20" s="22"/>
      <c r="G20" s="21" t="s">
        <v>36</v>
      </c>
      <c r="H20" s="20"/>
      <c r="I20" s="16">
        <v>684</v>
      </c>
      <c r="J20" s="22">
        <v>339</v>
      </c>
      <c r="K20" s="22">
        <v>345</v>
      </c>
    </row>
    <row r="21" spans="1:11" ht="15" customHeight="1">
      <c r="A21" s="20" t="s">
        <v>37</v>
      </c>
      <c r="B21" s="20"/>
      <c r="C21" s="16">
        <v>479</v>
      </c>
      <c r="D21" s="22">
        <v>235</v>
      </c>
      <c r="E21" s="22">
        <v>244</v>
      </c>
      <c r="F21" s="22"/>
      <c r="G21" s="21" t="s">
        <v>38</v>
      </c>
      <c r="H21" s="20"/>
      <c r="I21" s="16">
        <v>679</v>
      </c>
      <c r="J21" s="22">
        <v>333</v>
      </c>
      <c r="K21" s="22">
        <v>346</v>
      </c>
    </row>
    <row r="22" spans="1:11" ht="15" customHeight="1">
      <c r="A22" s="20" t="s">
        <v>39</v>
      </c>
      <c r="B22" s="20"/>
      <c r="C22" s="16">
        <v>477</v>
      </c>
      <c r="D22" s="22">
        <v>232</v>
      </c>
      <c r="E22" s="22">
        <v>245</v>
      </c>
      <c r="F22" s="22"/>
      <c r="G22" s="21" t="s">
        <v>40</v>
      </c>
      <c r="H22" s="20"/>
      <c r="I22" s="16">
        <v>670</v>
      </c>
      <c r="J22" s="22">
        <v>310</v>
      </c>
      <c r="K22" s="22">
        <v>360</v>
      </c>
    </row>
    <row r="23" spans="1:11" ht="20.100000000000001" customHeight="1">
      <c r="A23" s="20" t="s">
        <v>41</v>
      </c>
      <c r="B23" s="20"/>
      <c r="C23" s="16">
        <v>2358</v>
      </c>
      <c r="D23" s="17">
        <v>1177</v>
      </c>
      <c r="E23" s="17">
        <v>1181</v>
      </c>
      <c r="F23" s="17"/>
      <c r="G23" s="21" t="s">
        <v>42</v>
      </c>
      <c r="H23" s="20"/>
      <c r="I23" s="16">
        <v>3030</v>
      </c>
      <c r="J23" s="17">
        <v>1438</v>
      </c>
      <c r="K23" s="17">
        <v>1592</v>
      </c>
    </row>
    <row r="24" spans="1:11" ht="15" customHeight="1">
      <c r="A24" s="20" t="s">
        <v>43</v>
      </c>
      <c r="B24" s="20"/>
      <c r="C24" s="16">
        <v>490</v>
      </c>
      <c r="D24" s="22">
        <v>244</v>
      </c>
      <c r="E24" s="22">
        <v>246</v>
      </c>
      <c r="F24" s="22"/>
      <c r="G24" s="21" t="s">
        <v>44</v>
      </c>
      <c r="H24" s="20"/>
      <c r="I24" s="16">
        <v>616</v>
      </c>
      <c r="J24" s="22">
        <v>305</v>
      </c>
      <c r="K24" s="22">
        <v>311</v>
      </c>
    </row>
    <row r="25" spans="1:11" ht="15" customHeight="1">
      <c r="A25" s="20" t="s">
        <v>45</v>
      </c>
      <c r="B25" s="20"/>
      <c r="C25" s="16">
        <v>498</v>
      </c>
      <c r="D25" s="22">
        <v>247</v>
      </c>
      <c r="E25" s="22">
        <v>251</v>
      </c>
      <c r="F25" s="22"/>
      <c r="G25" s="21" t="s">
        <v>46</v>
      </c>
      <c r="H25" s="20"/>
      <c r="I25" s="16">
        <v>554</v>
      </c>
      <c r="J25" s="22">
        <v>254</v>
      </c>
      <c r="K25" s="22">
        <v>300</v>
      </c>
    </row>
    <row r="26" spans="1:11" ht="15" customHeight="1">
      <c r="A26" s="20" t="s">
        <v>47</v>
      </c>
      <c r="B26" s="20"/>
      <c r="C26" s="16">
        <v>463</v>
      </c>
      <c r="D26" s="22">
        <v>216</v>
      </c>
      <c r="E26" s="22">
        <v>247</v>
      </c>
      <c r="F26" s="22"/>
      <c r="G26" s="21" t="s">
        <v>48</v>
      </c>
      <c r="H26" s="20"/>
      <c r="I26" s="16">
        <v>613</v>
      </c>
      <c r="J26" s="22">
        <v>287</v>
      </c>
      <c r="K26" s="22">
        <v>326</v>
      </c>
    </row>
    <row r="27" spans="1:11" ht="15" customHeight="1">
      <c r="A27" s="20" t="s">
        <v>49</v>
      </c>
      <c r="B27" s="20"/>
      <c r="C27" s="16">
        <v>472</v>
      </c>
      <c r="D27" s="22">
        <v>250</v>
      </c>
      <c r="E27" s="22">
        <v>222</v>
      </c>
      <c r="F27" s="22"/>
      <c r="G27" s="21" t="s">
        <v>50</v>
      </c>
      <c r="H27" s="20"/>
      <c r="I27" s="16">
        <v>641</v>
      </c>
      <c r="J27" s="22">
        <v>314</v>
      </c>
      <c r="K27" s="22">
        <v>327</v>
      </c>
    </row>
    <row r="28" spans="1:11" ht="15" customHeight="1">
      <c r="A28" s="20" t="s">
        <v>51</v>
      </c>
      <c r="B28" s="20"/>
      <c r="C28" s="16">
        <v>435</v>
      </c>
      <c r="D28" s="22">
        <v>220</v>
      </c>
      <c r="E28" s="22">
        <v>215</v>
      </c>
      <c r="F28" s="22"/>
      <c r="G28" s="21" t="s">
        <v>52</v>
      </c>
      <c r="H28" s="20"/>
      <c r="I28" s="16">
        <v>606</v>
      </c>
      <c r="J28" s="22">
        <v>278</v>
      </c>
      <c r="K28" s="22">
        <v>328</v>
      </c>
    </row>
    <row r="29" spans="1:11" ht="20.100000000000001" customHeight="1">
      <c r="A29" s="20" t="s">
        <v>53</v>
      </c>
      <c r="B29" s="20"/>
      <c r="C29" s="16">
        <v>2158</v>
      </c>
      <c r="D29" s="17">
        <v>1106</v>
      </c>
      <c r="E29" s="17">
        <v>1052</v>
      </c>
      <c r="F29" s="17"/>
      <c r="G29" s="21" t="s">
        <v>54</v>
      </c>
      <c r="H29" s="20"/>
      <c r="I29" s="16">
        <v>3946</v>
      </c>
      <c r="J29" s="17">
        <v>1812</v>
      </c>
      <c r="K29" s="17">
        <v>2134</v>
      </c>
    </row>
    <row r="30" spans="1:11" ht="15" customHeight="1">
      <c r="A30" s="20" t="s">
        <v>55</v>
      </c>
      <c r="B30" s="20"/>
      <c r="C30" s="16">
        <v>484</v>
      </c>
      <c r="D30" s="22">
        <v>258</v>
      </c>
      <c r="E30" s="22">
        <v>226</v>
      </c>
      <c r="F30" s="22"/>
      <c r="G30" s="21" t="s">
        <v>56</v>
      </c>
      <c r="H30" s="20"/>
      <c r="I30" s="16">
        <v>619</v>
      </c>
      <c r="J30" s="22">
        <v>293</v>
      </c>
      <c r="K30" s="22">
        <v>326</v>
      </c>
    </row>
    <row r="31" spans="1:11" ht="15" customHeight="1">
      <c r="A31" s="20" t="s">
        <v>57</v>
      </c>
      <c r="B31" s="20"/>
      <c r="C31" s="16">
        <v>461</v>
      </c>
      <c r="D31" s="22">
        <v>227</v>
      </c>
      <c r="E31" s="22">
        <v>234</v>
      </c>
      <c r="F31" s="22"/>
      <c r="G31" s="21" t="s">
        <v>58</v>
      </c>
      <c r="H31" s="20"/>
      <c r="I31" s="16">
        <v>667</v>
      </c>
      <c r="J31" s="22">
        <v>299</v>
      </c>
      <c r="K31" s="22">
        <v>368</v>
      </c>
    </row>
    <row r="32" spans="1:11" ht="15" customHeight="1">
      <c r="A32" s="20" t="s">
        <v>59</v>
      </c>
      <c r="B32" s="20"/>
      <c r="C32" s="16">
        <v>451</v>
      </c>
      <c r="D32" s="22">
        <v>228</v>
      </c>
      <c r="E32" s="22">
        <v>223</v>
      </c>
      <c r="F32" s="22"/>
      <c r="G32" s="21" t="s">
        <v>60</v>
      </c>
      <c r="H32" s="20"/>
      <c r="I32" s="16">
        <v>780</v>
      </c>
      <c r="J32" s="22">
        <v>368</v>
      </c>
      <c r="K32" s="22">
        <v>412</v>
      </c>
    </row>
    <row r="33" spans="1:11" ht="15" customHeight="1">
      <c r="A33" s="20" t="s">
        <v>61</v>
      </c>
      <c r="B33" s="20"/>
      <c r="C33" s="16">
        <v>401</v>
      </c>
      <c r="D33" s="22">
        <v>214</v>
      </c>
      <c r="E33" s="22">
        <v>187</v>
      </c>
      <c r="F33" s="22"/>
      <c r="G33" s="21" t="s">
        <v>62</v>
      </c>
      <c r="H33" s="20"/>
      <c r="I33" s="16">
        <v>948</v>
      </c>
      <c r="J33" s="22">
        <v>446</v>
      </c>
      <c r="K33" s="22">
        <v>502</v>
      </c>
    </row>
    <row r="34" spans="1:11" ht="15" customHeight="1">
      <c r="A34" s="20" t="s">
        <v>63</v>
      </c>
      <c r="B34" s="20"/>
      <c r="C34" s="16">
        <v>361</v>
      </c>
      <c r="D34" s="22">
        <v>179</v>
      </c>
      <c r="E34" s="22">
        <v>182</v>
      </c>
      <c r="F34" s="22"/>
      <c r="G34" s="21" t="s">
        <v>64</v>
      </c>
      <c r="H34" s="20"/>
      <c r="I34" s="16">
        <v>932</v>
      </c>
      <c r="J34" s="22">
        <v>406</v>
      </c>
      <c r="K34" s="22">
        <v>526</v>
      </c>
    </row>
    <row r="35" spans="1:11" ht="20.100000000000001" customHeight="1">
      <c r="A35" s="20" t="s">
        <v>65</v>
      </c>
      <c r="B35" s="20"/>
      <c r="C35" s="16">
        <v>1662</v>
      </c>
      <c r="D35" s="17">
        <v>790</v>
      </c>
      <c r="E35" s="17">
        <v>872</v>
      </c>
      <c r="F35" s="17"/>
      <c r="G35" s="21" t="s">
        <v>66</v>
      </c>
      <c r="H35" s="20"/>
      <c r="I35" s="16">
        <v>3755</v>
      </c>
      <c r="J35" s="17">
        <v>1572</v>
      </c>
      <c r="K35" s="17">
        <v>2183</v>
      </c>
    </row>
    <row r="36" spans="1:11" ht="15" customHeight="1">
      <c r="A36" s="20" t="s">
        <v>67</v>
      </c>
      <c r="B36" s="20"/>
      <c r="C36" s="16">
        <v>340</v>
      </c>
      <c r="D36" s="22">
        <v>153</v>
      </c>
      <c r="E36" s="22">
        <v>187</v>
      </c>
      <c r="F36" s="22"/>
      <c r="G36" s="21" t="s">
        <v>68</v>
      </c>
      <c r="H36" s="20"/>
      <c r="I36" s="16">
        <v>933</v>
      </c>
      <c r="J36" s="22">
        <v>397</v>
      </c>
      <c r="K36" s="22">
        <v>536</v>
      </c>
    </row>
    <row r="37" spans="1:11" ht="15" customHeight="1">
      <c r="A37" s="20" t="s">
        <v>69</v>
      </c>
      <c r="B37" s="20"/>
      <c r="C37" s="16">
        <v>340</v>
      </c>
      <c r="D37" s="22">
        <v>174</v>
      </c>
      <c r="E37" s="22">
        <v>166</v>
      </c>
      <c r="F37" s="22"/>
      <c r="G37" s="21" t="s">
        <v>70</v>
      </c>
      <c r="H37" s="20"/>
      <c r="I37" s="16">
        <v>671</v>
      </c>
      <c r="J37" s="22">
        <v>286</v>
      </c>
      <c r="K37" s="22">
        <v>385</v>
      </c>
    </row>
    <row r="38" spans="1:11" ht="15" customHeight="1">
      <c r="A38" s="20" t="s">
        <v>71</v>
      </c>
      <c r="B38" s="20"/>
      <c r="C38" s="16">
        <v>338</v>
      </c>
      <c r="D38" s="22">
        <v>155</v>
      </c>
      <c r="E38" s="22">
        <v>183</v>
      </c>
      <c r="F38" s="22"/>
      <c r="G38" s="21" t="s">
        <v>72</v>
      </c>
      <c r="H38" s="20"/>
      <c r="I38" s="16">
        <v>614</v>
      </c>
      <c r="J38" s="22">
        <v>260</v>
      </c>
      <c r="K38" s="22">
        <v>354</v>
      </c>
    </row>
    <row r="39" spans="1:11" ht="15" customHeight="1">
      <c r="A39" s="20" t="s">
        <v>73</v>
      </c>
      <c r="B39" s="20"/>
      <c r="C39" s="16">
        <v>323</v>
      </c>
      <c r="D39" s="22">
        <v>161</v>
      </c>
      <c r="E39" s="22">
        <v>162</v>
      </c>
      <c r="F39" s="22"/>
      <c r="G39" s="21" t="s">
        <v>74</v>
      </c>
      <c r="H39" s="20"/>
      <c r="I39" s="16">
        <v>710</v>
      </c>
      <c r="J39" s="22">
        <v>281</v>
      </c>
      <c r="K39" s="22">
        <v>429</v>
      </c>
    </row>
    <row r="40" spans="1:11" ht="15" customHeight="1">
      <c r="A40" s="20" t="s">
        <v>75</v>
      </c>
      <c r="B40" s="20"/>
      <c r="C40" s="16">
        <v>321</v>
      </c>
      <c r="D40" s="22">
        <v>147</v>
      </c>
      <c r="E40" s="22">
        <v>174</v>
      </c>
      <c r="F40" s="22"/>
      <c r="G40" s="21" t="s">
        <v>76</v>
      </c>
      <c r="H40" s="20"/>
      <c r="I40" s="16">
        <v>827</v>
      </c>
      <c r="J40" s="22">
        <v>348</v>
      </c>
      <c r="K40" s="22">
        <v>479</v>
      </c>
    </row>
    <row r="41" spans="1:11" ht="20.100000000000001" customHeight="1">
      <c r="A41" s="20" t="s">
        <v>77</v>
      </c>
      <c r="B41" s="20"/>
      <c r="C41" s="16">
        <v>1901</v>
      </c>
      <c r="D41" s="17">
        <v>897</v>
      </c>
      <c r="E41" s="17">
        <v>1004</v>
      </c>
      <c r="F41" s="17"/>
      <c r="G41" s="21" t="s">
        <v>78</v>
      </c>
      <c r="H41" s="20"/>
      <c r="I41" s="16">
        <v>3175</v>
      </c>
      <c r="J41" s="17">
        <v>1304</v>
      </c>
      <c r="K41" s="17">
        <v>1871</v>
      </c>
    </row>
    <row r="42" spans="1:11" ht="15" customHeight="1">
      <c r="A42" s="20" t="s">
        <v>79</v>
      </c>
      <c r="B42" s="20"/>
      <c r="C42" s="16">
        <v>343</v>
      </c>
      <c r="D42" s="22">
        <v>172</v>
      </c>
      <c r="E42" s="22">
        <v>171</v>
      </c>
      <c r="F42" s="22"/>
      <c r="G42" s="21" t="s">
        <v>80</v>
      </c>
      <c r="H42" s="20"/>
      <c r="I42" s="16">
        <v>740</v>
      </c>
      <c r="J42" s="22">
        <v>311</v>
      </c>
      <c r="K42" s="22">
        <v>429</v>
      </c>
    </row>
    <row r="43" spans="1:11" ht="15" customHeight="1">
      <c r="A43" s="20" t="s">
        <v>81</v>
      </c>
      <c r="B43" s="20"/>
      <c r="C43" s="16">
        <v>365</v>
      </c>
      <c r="D43" s="22">
        <v>163</v>
      </c>
      <c r="E43" s="22">
        <v>202</v>
      </c>
      <c r="F43" s="22"/>
      <c r="G43" s="21" t="s">
        <v>82</v>
      </c>
      <c r="H43" s="20"/>
      <c r="I43" s="16">
        <v>763</v>
      </c>
      <c r="J43" s="22">
        <v>318</v>
      </c>
      <c r="K43" s="22">
        <v>445</v>
      </c>
    </row>
    <row r="44" spans="1:11" ht="15" customHeight="1">
      <c r="A44" s="20" t="s">
        <v>83</v>
      </c>
      <c r="B44" s="20"/>
      <c r="C44" s="16">
        <v>328</v>
      </c>
      <c r="D44" s="22">
        <v>162</v>
      </c>
      <c r="E44" s="22">
        <v>166</v>
      </c>
      <c r="F44" s="22"/>
      <c r="G44" s="21" t="s">
        <v>84</v>
      </c>
      <c r="H44" s="20"/>
      <c r="I44" s="16">
        <v>652</v>
      </c>
      <c r="J44" s="22">
        <v>270</v>
      </c>
      <c r="K44" s="22">
        <v>382</v>
      </c>
    </row>
    <row r="45" spans="1:11" ht="15" customHeight="1">
      <c r="A45" s="20" t="s">
        <v>85</v>
      </c>
      <c r="B45" s="20"/>
      <c r="C45" s="16">
        <v>403</v>
      </c>
      <c r="D45" s="22">
        <v>178</v>
      </c>
      <c r="E45" s="22">
        <v>225</v>
      </c>
      <c r="F45" s="22"/>
      <c r="G45" s="21" t="s">
        <v>86</v>
      </c>
      <c r="H45" s="20"/>
      <c r="I45" s="16">
        <v>546</v>
      </c>
      <c r="J45" s="22">
        <v>215</v>
      </c>
      <c r="K45" s="22">
        <v>331</v>
      </c>
    </row>
    <row r="46" spans="1:11" ht="15" customHeight="1">
      <c r="A46" s="20" t="s">
        <v>87</v>
      </c>
      <c r="B46" s="20"/>
      <c r="C46" s="16">
        <v>462</v>
      </c>
      <c r="D46" s="22">
        <v>222</v>
      </c>
      <c r="E46" s="22">
        <v>240</v>
      </c>
      <c r="F46" s="22"/>
      <c r="G46" s="21" t="s">
        <v>88</v>
      </c>
      <c r="H46" s="20"/>
      <c r="I46" s="16">
        <v>474</v>
      </c>
      <c r="J46" s="22">
        <v>190</v>
      </c>
      <c r="K46" s="22">
        <v>284</v>
      </c>
    </row>
    <row r="47" spans="1:11" ht="20.100000000000001" customHeight="1">
      <c r="A47" s="20" t="s">
        <v>89</v>
      </c>
      <c r="B47" s="20"/>
      <c r="C47" s="16">
        <v>2501</v>
      </c>
      <c r="D47" s="17">
        <v>1131</v>
      </c>
      <c r="E47" s="17">
        <v>1370</v>
      </c>
      <c r="F47" s="17"/>
      <c r="G47" s="21" t="s">
        <v>90</v>
      </c>
      <c r="H47" s="20"/>
      <c r="I47" s="16">
        <v>2287</v>
      </c>
      <c r="J47" s="17">
        <v>864</v>
      </c>
      <c r="K47" s="17">
        <v>1423</v>
      </c>
    </row>
    <row r="48" spans="1:11" ht="15" customHeight="1">
      <c r="A48" s="20" t="s">
        <v>91</v>
      </c>
      <c r="B48" s="20"/>
      <c r="C48" s="16">
        <v>476</v>
      </c>
      <c r="D48" s="22">
        <v>221</v>
      </c>
      <c r="E48" s="22">
        <v>255</v>
      </c>
      <c r="F48" s="22"/>
      <c r="G48" s="21" t="s">
        <v>92</v>
      </c>
      <c r="H48" s="20"/>
      <c r="I48" s="16">
        <v>575</v>
      </c>
      <c r="J48" s="22">
        <v>240</v>
      </c>
      <c r="K48" s="22">
        <v>335</v>
      </c>
    </row>
    <row r="49" spans="1:11" ht="15" customHeight="1">
      <c r="A49" s="20" t="s">
        <v>93</v>
      </c>
      <c r="B49" s="20"/>
      <c r="C49" s="16">
        <v>435</v>
      </c>
      <c r="D49" s="22">
        <v>187</v>
      </c>
      <c r="E49" s="22">
        <v>248</v>
      </c>
      <c r="F49" s="22"/>
      <c r="G49" s="21" t="s">
        <v>94</v>
      </c>
      <c r="H49" s="20"/>
      <c r="I49" s="16">
        <v>495</v>
      </c>
      <c r="J49" s="22">
        <v>173</v>
      </c>
      <c r="K49" s="22">
        <v>322</v>
      </c>
    </row>
    <row r="50" spans="1:11" ht="15" customHeight="1">
      <c r="A50" s="20" t="s">
        <v>95</v>
      </c>
      <c r="B50" s="20"/>
      <c r="C50" s="16">
        <v>493</v>
      </c>
      <c r="D50" s="22">
        <v>230</v>
      </c>
      <c r="E50" s="22">
        <v>263</v>
      </c>
      <c r="F50" s="22"/>
      <c r="G50" s="21" t="s">
        <v>96</v>
      </c>
      <c r="H50" s="20"/>
      <c r="I50" s="16">
        <v>462</v>
      </c>
      <c r="J50" s="22">
        <v>185</v>
      </c>
      <c r="K50" s="22">
        <v>277</v>
      </c>
    </row>
    <row r="51" spans="1:11" ht="15" customHeight="1">
      <c r="A51" s="20" t="s">
        <v>97</v>
      </c>
      <c r="B51" s="20"/>
      <c r="C51" s="16">
        <v>555</v>
      </c>
      <c r="D51" s="22">
        <v>262</v>
      </c>
      <c r="E51" s="22">
        <v>293</v>
      </c>
      <c r="F51" s="22"/>
      <c r="G51" s="21" t="s">
        <v>98</v>
      </c>
      <c r="H51" s="20"/>
      <c r="I51" s="16">
        <v>402</v>
      </c>
      <c r="J51" s="22">
        <v>150</v>
      </c>
      <c r="K51" s="22">
        <v>252</v>
      </c>
    </row>
    <row r="52" spans="1:11" ht="15" customHeight="1">
      <c r="A52" s="20" t="s">
        <v>99</v>
      </c>
      <c r="B52" s="20"/>
      <c r="C52" s="16">
        <v>542</v>
      </c>
      <c r="D52" s="22">
        <v>231</v>
      </c>
      <c r="E52" s="22">
        <v>311</v>
      </c>
      <c r="F52" s="22"/>
      <c r="G52" s="21" t="s">
        <v>100</v>
      </c>
      <c r="H52" s="20"/>
      <c r="I52" s="16">
        <v>353</v>
      </c>
      <c r="J52" s="22">
        <v>116</v>
      </c>
      <c r="K52" s="22">
        <v>237</v>
      </c>
    </row>
    <row r="53" spans="1:11" ht="20.100000000000001" customHeight="1">
      <c r="A53" s="20" t="s">
        <v>101</v>
      </c>
      <c r="B53" s="20"/>
      <c r="C53" s="16">
        <v>3328</v>
      </c>
      <c r="D53" s="17">
        <v>1599</v>
      </c>
      <c r="E53" s="17">
        <v>1729</v>
      </c>
      <c r="F53" s="17"/>
      <c r="G53" s="21" t="s">
        <v>102</v>
      </c>
      <c r="H53" s="20"/>
      <c r="I53" s="16">
        <v>1134</v>
      </c>
      <c r="J53" s="17">
        <v>366</v>
      </c>
      <c r="K53" s="17">
        <v>768</v>
      </c>
    </row>
    <row r="54" spans="1:11" ht="15" customHeight="1">
      <c r="A54" s="20" t="s">
        <v>103</v>
      </c>
      <c r="B54" s="20"/>
      <c r="C54" s="16">
        <v>613</v>
      </c>
      <c r="D54" s="22">
        <v>272</v>
      </c>
      <c r="E54" s="22">
        <v>341</v>
      </c>
      <c r="F54" s="22"/>
      <c r="G54" s="21" t="s">
        <v>104</v>
      </c>
      <c r="H54" s="20"/>
      <c r="I54" s="16">
        <v>346</v>
      </c>
      <c r="J54" s="22">
        <v>128</v>
      </c>
      <c r="K54" s="22">
        <v>218</v>
      </c>
    </row>
    <row r="55" spans="1:11" ht="15" customHeight="1">
      <c r="A55" s="20" t="s">
        <v>105</v>
      </c>
      <c r="B55" s="20"/>
      <c r="C55" s="16">
        <v>590</v>
      </c>
      <c r="D55" s="22">
        <v>284</v>
      </c>
      <c r="E55" s="22">
        <v>306</v>
      </c>
      <c r="F55" s="22"/>
      <c r="G55" s="21" t="s">
        <v>106</v>
      </c>
      <c r="H55" s="20"/>
      <c r="I55" s="16">
        <v>254</v>
      </c>
      <c r="J55" s="22">
        <v>85</v>
      </c>
      <c r="K55" s="22">
        <v>169</v>
      </c>
    </row>
    <row r="56" spans="1:11" ht="15" customHeight="1">
      <c r="A56" s="20" t="s">
        <v>107</v>
      </c>
      <c r="B56" s="20"/>
      <c r="C56" s="16">
        <v>639</v>
      </c>
      <c r="D56" s="22">
        <v>324</v>
      </c>
      <c r="E56" s="22">
        <v>315</v>
      </c>
      <c r="F56" s="22"/>
      <c r="G56" s="21" t="s">
        <v>108</v>
      </c>
      <c r="H56" s="20"/>
      <c r="I56" s="16">
        <v>206</v>
      </c>
      <c r="J56" s="22">
        <v>66</v>
      </c>
      <c r="K56" s="22">
        <v>140</v>
      </c>
    </row>
    <row r="57" spans="1:11" ht="15" customHeight="1">
      <c r="A57" s="20" t="s">
        <v>109</v>
      </c>
      <c r="B57" s="20"/>
      <c r="C57" s="16">
        <v>744</v>
      </c>
      <c r="D57" s="22">
        <v>363</v>
      </c>
      <c r="E57" s="22">
        <v>381</v>
      </c>
      <c r="F57" s="22"/>
      <c r="G57" s="21" t="s">
        <v>110</v>
      </c>
      <c r="H57" s="20"/>
      <c r="I57" s="16">
        <v>193</v>
      </c>
      <c r="J57" s="22">
        <v>50</v>
      </c>
      <c r="K57" s="22">
        <v>143</v>
      </c>
    </row>
    <row r="58" spans="1:11" ht="15" customHeight="1">
      <c r="A58" s="20" t="s">
        <v>111</v>
      </c>
      <c r="B58" s="20"/>
      <c r="C58" s="16">
        <v>742</v>
      </c>
      <c r="D58" s="22">
        <v>356</v>
      </c>
      <c r="E58" s="22">
        <v>386</v>
      </c>
      <c r="F58" s="22"/>
      <c r="G58" s="21" t="s">
        <v>112</v>
      </c>
      <c r="H58" s="20"/>
      <c r="I58" s="16">
        <v>135</v>
      </c>
      <c r="J58" s="22">
        <v>37</v>
      </c>
      <c r="K58" s="22">
        <v>98</v>
      </c>
    </row>
    <row r="59" spans="1:11" ht="20.100000000000001" customHeight="1">
      <c r="A59" s="20" t="s">
        <v>113</v>
      </c>
      <c r="B59" s="20"/>
      <c r="C59" s="16">
        <v>4373</v>
      </c>
      <c r="D59" s="17">
        <v>2121</v>
      </c>
      <c r="E59" s="17">
        <v>2252</v>
      </c>
      <c r="F59" s="17"/>
      <c r="G59" s="21" t="s">
        <v>114</v>
      </c>
      <c r="H59" s="20"/>
      <c r="I59" s="16">
        <v>258</v>
      </c>
      <c r="J59" s="17">
        <v>63</v>
      </c>
      <c r="K59" s="17">
        <v>195</v>
      </c>
    </row>
    <row r="60" spans="1:11" ht="15" customHeight="1">
      <c r="A60" s="20" t="s">
        <v>115</v>
      </c>
      <c r="B60" s="20"/>
      <c r="C60" s="16">
        <v>762</v>
      </c>
      <c r="D60" s="22">
        <v>359</v>
      </c>
      <c r="E60" s="22">
        <v>403</v>
      </c>
      <c r="F60" s="22"/>
      <c r="G60" s="21" t="s">
        <v>116</v>
      </c>
      <c r="H60" s="20"/>
      <c r="I60" s="16">
        <v>85</v>
      </c>
      <c r="J60" s="22">
        <v>22</v>
      </c>
      <c r="K60" s="22">
        <v>63</v>
      </c>
    </row>
    <row r="61" spans="1:11" ht="15" customHeight="1">
      <c r="A61" s="20" t="s">
        <v>117</v>
      </c>
      <c r="B61" s="20"/>
      <c r="C61" s="16">
        <v>876</v>
      </c>
      <c r="D61" s="22">
        <v>389</v>
      </c>
      <c r="E61" s="22">
        <v>487</v>
      </c>
      <c r="F61" s="22"/>
      <c r="G61" s="21" t="s">
        <v>118</v>
      </c>
      <c r="H61" s="20"/>
      <c r="I61" s="16">
        <v>67</v>
      </c>
      <c r="J61" s="22">
        <v>14</v>
      </c>
      <c r="K61" s="22">
        <v>53</v>
      </c>
    </row>
    <row r="62" spans="1:11" ht="15" customHeight="1">
      <c r="A62" s="20" t="s">
        <v>119</v>
      </c>
      <c r="B62" s="20"/>
      <c r="C62" s="16">
        <v>802</v>
      </c>
      <c r="D62" s="22">
        <v>402</v>
      </c>
      <c r="E62" s="22">
        <v>400</v>
      </c>
      <c r="F62" s="22"/>
      <c r="G62" s="21" t="s">
        <v>120</v>
      </c>
      <c r="H62" s="20"/>
      <c r="I62" s="16">
        <v>54</v>
      </c>
      <c r="J62" s="22">
        <v>14</v>
      </c>
      <c r="K62" s="22">
        <v>40</v>
      </c>
    </row>
    <row r="63" spans="1:11" ht="15" customHeight="1">
      <c r="A63" s="20" t="s">
        <v>121</v>
      </c>
      <c r="B63" s="20"/>
      <c r="C63" s="16">
        <v>924</v>
      </c>
      <c r="D63" s="22">
        <v>465</v>
      </c>
      <c r="E63" s="22">
        <v>459</v>
      </c>
      <c r="F63" s="22"/>
      <c r="G63" s="21" t="s">
        <v>122</v>
      </c>
      <c r="H63" s="20"/>
      <c r="I63" s="16">
        <v>29</v>
      </c>
      <c r="J63" s="22">
        <v>4</v>
      </c>
      <c r="K63" s="22">
        <v>25</v>
      </c>
    </row>
    <row r="64" spans="1:11" ht="15" customHeight="1">
      <c r="A64" s="20" t="s">
        <v>123</v>
      </c>
      <c r="B64" s="20"/>
      <c r="C64" s="16">
        <v>1009</v>
      </c>
      <c r="D64" s="22">
        <v>506</v>
      </c>
      <c r="E64" s="22">
        <v>503</v>
      </c>
      <c r="F64" s="22"/>
      <c r="G64" s="21" t="s">
        <v>124</v>
      </c>
      <c r="H64" s="20"/>
      <c r="I64" s="16">
        <v>23</v>
      </c>
      <c r="J64" s="22">
        <v>9</v>
      </c>
      <c r="K64" s="22">
        <v>1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30</v>
      </c>
      <c r="J65" s="22">
        <v>5</v>
      </c>
      <c r="K65" s="22">
        <v>25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582</v>
      </c>
      <c r="J66" s="32">
        <v>778</v>
      </c>
      <c r="K66" s="32">
        <v>804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32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40841</v>
      </c>
      <c r="D4" s="17">
        <v>19518</v>
      </c>
      <c r="E4" s="17">
        <v>21323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844</v>
      </c>
      <c r="D5" s="17">
        <v>433</v>
      </c>
      <c r="E5" s="17">
        <v>411</v>
      </c>
      <c r="F5" s="17"/>
      <c r="G5" s="21" t="s">
        <v>6</v>
      </c>
      <c r="H5" s="20"/>
      <c r="I5" s="16">
        <v>3077</v>
      </c>
      <c r="J5" s="17">
        <v>1556</v>
      </c>
      <c r="K5" s="17">
        <v>1521</v>
      </c>
    </row>
    <row r="6" spans="1:11" ht="15" customHeight="1">
      <c r="A6" s="20" t="s">
        <v>7</v>
      </c>
      <c r="B6" s="20"/>
      <c r="C6" s="16">
        <v>140</v>
      </c>
      <c r="D6" s="22">
        <v>70</v>
      </c>
      <c r="E6" s="22">
        <v>70</v>
      </c>
      <c r="F6" s="22"/>
      <c r="G6" s="21" t="s">
        <v>8</v>
      </c>
      <c r="H6" s="20"/>
      <c r="I6" s="16">
        <v>662</v>
      </c>
      <c r="J6" s="22">
        <v>339</v>
      </c>
      <c r="K6" s="22">
        <v>323</v>
      </c>
    </row>
    <row r="7" spans="1:11" ht="15" customHeight="1">
      <c r="A7" s="20" t="s">
        <v>9</v>
      </c>
      <c r="B7" s="20"/>
      <c r="C7" s="16">
        <v>158</v>
      </c>
      <c r="D7" s="22">
        <v>92</v>
      </c>
      <c r="E7" s="22">
        <v>66</v>
      </c>
      <c r="F7" s="22"/>
      <c r="G7" s="21" t="s">
        <v>10</v>
      </c>
      <c r="H7" s="20"/>
      <c r="I7" s="16">
        <v>614</v>
      </c>
      <c r="J7" s="22">
        <v>303</v>
      </c>
      <c r="K7" s="22">
        <v>311</v>
      </c>
    </row>
    <row r="8" spans="1:11" ht="15" customHeight="1">
      <c r="A8" s="20" t="s">
        <v>11</v>
      </c>
      <c r="B8" s="20"/>
      <c r="C8" s="16">
        <v>158</v>
      </c>
      <c r="D8" s="22">
        <v>81</v>
      </c>
      <c r="E8" s="22">
        <v>77</v>
      </c>
      <c r="F8" s="22"/>
      <c r="G8" s="21" t="s">
        <v>12</v>
      </c>
      <c r="H8" s="20"/>
      <c r="I8" s="16">
        <v>601</v>
      </c>
      <c r="J8" s="22">
        <v>322</v>
      </c>
      <c r="K8" s="22">
        <v>279</v>
      </c>
    </row>
    <row r="9" spans="1:11" ht="15" customHeight="1">
      <c r="A9" s="20" t="s">
        <v>13</v>
      </c>
      <c r="B9" s="20"/>
      <c r="C9" s="16">
        <v>170</v>
      </c>
      <c r="D9" s="22">
        <v>82</v>
      </c>
      <c r="E9" s="22">
        <v>88</v>
      </c>
      <c r="F9" s="22"/>
      <c r="G9" s="21" t="s">
        <v>14</v>
      </c>
      <c r="H9" s="20"/>
      <c r="I9" s="16">
        <v>605</v>
      </c>
      <c r="J9" s="22">
        <v>303</v>
      </c>
      <c r="K9" s="22">
        <v>302</v>
      </c>
    </row>
    <row r="10" spans="1:11" ht="15" customHeight="1">
      <c r="A10" s="20" t="s">
        <v>15</v>
      </c>
      <c r="B10" s="20"/>
      <c r="C10" s="16">
        <v>218</v>
      </c>
      <c r="D10" s="22">
        <v>108</v>
      </c>
      <c r="E10" s="22">
        <v>110</v>
      </c>
      <c r="F10" s="22"/>
      <c r="G10" s="21" t="s">
        <v>16</v>
      </c>
      <c r="H10" s="20"/>
      <c r="I10" s="16">
        <v>595</v>
      </c>
      <c r="J10" s="22">
        <v>289</v>
      </c>
      <c r="K10" s="22">
        <v>306</v>
      </c>
    </row>
    <row r="11" spans="1:11" ht="20.100000000000001" customHeight="1">
      <c r="A11" s="20" t="s">
        <v>17</v>
      </c>
      <c r="B11" s="20"/>
      <c r="C11" s="16">
        <v>1089</v>
      </c>
      <c r="D11" s="17">
        <v>560</v>
      </c>
      <c r="E11" s="17">
        <v>529</v>
      </c>
      <c r="F11" s="17"/>
      <c r="G11" s="21" t="s">
        <v>18</v>
      </c>
      <c r="H11" s="20"/>
      <c r="I11" s="16">
        <v>2766</v>
      </c>
      <c r="J11" s="17">
        <v>1421</v>
      </c>
      <c r="K11" s="17">
        <v>1345</v>
      </c>
    </row>
    <row r="12" spans="1:11" ht="15" customHeight="1">
      <c r="A12" s="20" t="s">
        <v>19</v>
      </c>
      <c r="B12" s="20"/>
      <c r="C12" s="16">
        <v>200</v>
      </c>
      <c r="D12" s="22">
        <v>107</v>
      </c>
      <c r="E12" s="22">
        <v>93</v>
      </c>
      <c r="F12" s="22"/>
      <c r="G12" s="21" t="s">
        <v>20</v>
      </c>
      <c r="H12" s="20"/>
      <c r="I12" s="16">
        <v>635</v>
      </c>
      <c r="J12" s="22">
        <v>326</v>
      </c>
      <c r="K12" s="22">
        <v>309</v>
      </c>
    </row>
    <row r="13" spans="1:11" ht="15" customHeight="1">
      <c r="A13" s="20" t="s">
        <v>21</v>
      </c>
      <c r="B13" s="20"/>
      <c r="C13" s="16">
        <v>220</v>
      </c>
      <c r="D13" s="22">
        <v>112</v>
      </c>
      <c r="E13" s="22">
        <v>108</v>
      </c>
      <c r="F13" s="22"/>
      <c r="G13" s="21" t="s">
        <v>22</v>
      </c>
      <c r="H13" s="20"/>
      <c r="I13" s="16">
        <v>433</v>
      </c>
      <c r="J13" s="22">
        <v>228</v>
      </c>
      <c r="K13" s="22">
        <v>205</v>
      </c>
    </row>
    <row r="14" spans="1:11" ht="15" customHeight="1">
      <c r="A14" s="20" t="s">
        <v>23</v>
      </c>
      <c r="B14" s="20"/>
      <c r="C14" s="16">
        <v>215</v>
      </c>
      <c r="D14" s="22">
        <v>115</v>
      </c>
      <c r="E14" s="22">
        <v>100</v>
      </c>
      <c r="F14" s="22"/>
      <c r="G14" s="21" t="s">
        <v>24</v>
      </c>
      <c r="H14" s="20"/>
      <c r="I14" s="16">
        <v>564</v>
      </c>
      <c r="J14" s="22">
        <v>300</v>
      </c>
      <c r="K14" s="22">
        <v>264</v>
      </c>
    </row>
    <row r="15" spans="1:11" ht="15" customHeight="1">
      <c r="A15" s="20" t="s">
        <v>25</v>
      </c>
      <c r="B15" s="20"/>
      <c r="C15" s="16">
        <v>230</v>
      </c>
      <c r="D15" s="22">
        <v>116</v>
      </c>
      <c r="E15" s="22">
        <v>114</v>
      </c>
      <c r="F15" s="22"/>
      <c r="G15" s="21" t="s">
        <v>26</v>
      </c>
      <c r="H15" s="20"/>
      <c r="I15" s="16">
        <v>593</v>
      </c>
      <c r="J15" s="22">
        <v>293</v>
      </c>
      <c r="K15" s="22">
        <v>300</v>
      </c>
    </row>
    <row r="16" spans="1:11" ht="15" customHeight="1">
      <c r="A16" s="20" t="s">
        <v>27</v>
      </c>
      <c r="B16" s="20"/>
      <c r="C16" s="16">
        <v>224</v>
      </c>
      <c r="D16" s="22">
        <v>110</v>
      </c>
      <c r="E16" s="22">
        <v>114</v>
      </c>
      <c r="F16" s="22"/>
      <c r="G16" s="21" t="s">
        <v>28</v>
      </c>
      <c r="H16" s="20"/>
      <c r="I16" s="16">
        <v>541</v>
      </c>
      <c r="J16" s="22">
        <v>274</v>
      </c>
      <c r="K16" s="22">
        <v>267</v>
      </c>
    </row>
    <row r="17" spans="1:11" ht="20.100000000000001" customHeight="1">
      <c r="A17" s="24" t="s">
        <v>29</v>
      </c>
      <c r="B17" s="24"/>
      <c r="C17" s="16">
        <v>1270</v>
      </c>
      <c r="D17" s="17">
        <v>643</v>
      </c>
      <c r="E17" s="17">
        <v>627</v>
      </c>
      <c r="F17" s="17"/>
      <c r="G17" s="21" t="s">
        <v>30</v>
      </c>
      <c r="H17" s="20"/>
      <c r="I17" s="16">
        <v>2725</v>
      </c>
      <c r="J17" s="17">
        <v>1347</v>
      </c>
      <c r="K17" s="17">
        <v>1378</v>
      </c>
    </row>
    <row r="18" spans="1:11" ht="15" customHeight="1">
      <c r="A18" s="20" t="s">
        <v>31</v>
      </c>
      <c r="B18" s="20"/>
      <c r="C18" s="16">
        <v>211</v>
      </c>
      <c r="D18" s="22">
        <v>107</v>
      </c>
      <c r="E18" s="22">
        <v>104</v>
      </c>
      <c r="F18" s="22"/>
      <c r="G18" s="21" t="s">
        <v>32</v>
      </c>
      <c r="H18" s="20"/>
      <c r="I18" s="16">
        <v>557</v>
      </c>
      <c r="J18" s="22">
        <v>281</v>
      </c>
      <c r="K18" s="22">
        <v>276</v>
      </c>
    </row>
    <row r="19" spans="1:11" ht="15" customHeight="1">
      <c r="A19" s="20" t="s">
        <v>33</v>
      </c>
      <c r="B19" s="20"/>
      <c r="C19" s="16">
        <v>249</v>
      </c>
      <c r="D19" s="22">
        <v>136</v>
      </c>
      <c r="E19" s="22">
        <v>113</v>
      </c>
      <c r="F19" s="22"/>
      <c r="G19" s="21" t="s">
        <v>34</v>
      </c>
      <c r="H19" s="20"/>
      <c r="I19" s="16">
        <v>560</v>
      </c>
      <c r="J19" s="22">
        <v>271</v>
      </c>
      <c r="K19" s="22">
        <v>289</v>
      </c>
    </row>
    <row r="20" spans="1:11" ht="15" customHeight="1">
      <c r="A20" s="20" t="s">
        <v>35</v>
      </c>
      <c r="B20" s="20"/>
      <c r="C20" s="16">
        <v>286</v>
      </c>
      <c r="D20" s="22">
        <v>148</v>
      </c>
      <c r="E20" s="22">
        <v>138</v>
      </c>
      <c r="F20" s="22"/>
      <c r="G20" s="21" t="s">
        <v>36</v>
      </c>
      <c r="H20" s="20"/>
      <c r="I20" s="16">
        <v>532</v>
      </c>
      <c r="J20" s="22">
        <v>259</v>
      </c>
      <c r="K20" s="22">
        <v>273</v>
      </c>
    </row>
    <row r="21" spans="1:11" ht="15" customHeight="1">
      <c r="A21" s="20" t="s">
        <v>37</v>
      </c>
      <c r="B21" s="20"/>
      <c r="C21" s="16">
        <v>247</v>
      </c>
      <c r="D21" s="22">
        <v>129</v>
      </c>
      <c r="E21" s="22">
        <v>118</v>
      </c>
      <c r="F21" s="22"/>
      <c r="G21" s="21" t="s">
        <v>38</v>
      </c>
      <c r="H21" s="20"/>
      <c r="I21" s="16">
        <v>525</v>
      </c>
      <c r="J21" s="22">
        <v>263</v>
      </c>
      <c r="K21" s="22">
        <v>262</v>
      </c>
    </row>
    <row r="22" spans="1:11" ht="15" customHeight="1">
      <c r="A22" s="20" t="s">
        <v>39</v>
      </c>
      <c r="B22" s="20"/>
      <c r="C22" s="16">
        <v>277</v>
      </c>
      <c r="D22" s="22">
        <v>123</v>
      </c>
      <c r="E22" s="22">
        <v>154</v>
      </c>
      <c r="F22" s="22"/>
      <c r="G22" s="21" t="s">
        <v>40</v>
      </c>
      <c r="H22" s="20"/>
      <c r="I22" s="16">
        <v>551</v>
      </c>
      <c r="J22" s="22">
        <v>273</v>
      </c>
      <c r="K22" s="22">
        <v>278</v>
      </c>
    </row>
    <row r="23" spans="1:11" ht="20.100000000000001" customHeight="1">
      <c r="A23" s="20" t="s">
        <v>41</v>
      </c>
      <c r="B23" s="20"/>
      <c r="C23" s="16">
        <v>1575</v>
      </c>
      <c r="D23" s="17">
        <v>808</v>
      </c>
      <c r="E23" s="17">
        <v>767</v>
      </c>
      <c r="F23" s="17"/>
      <c r="G23" s="21" t="s">
        <v>42</v>
      </c>
      <c r="H23" s="20"/>
      <c r="I23" s="16">
        <v>3100</v>
      </c>
      <c r="J23" s="17">
        <v>1472</v>
      </c>
      <c r="K23" s="17">
        <v>1628</v>
      </c>
    </row>
    <row r="24" spans="1:11" ht="15" customHeight="1">
      <c r="A24" s="20" t="s">
        <v>43</v>
      </c>
      <c r="B24" s="20"/>
      <c r="C24" s="16">
        <v>305</v>
      </c>
      <c r="D24" s="22">
        <v>147</v>
      </c>
      <c r="E24" s="22">
        <v>158</v>
      </c>
      <c r="F24" s="22"/>
      <c r="G24" s="21" t="s">
        <v>44</v>
      </c>
      <c r="H24" s="20"/>
      <c r="I24" s="16">
        <v>541</v>
      </c>
      <c r="J24" s="22">
        <v>260</v>
      </c>
      <c r="K24" s="22">
        <v>281</v>
      </c>
    </row>
    <row r="25" spans="1:11" ht="15" customHeight="1">
      <c r="A25" s="20" t="s">
        <v>45</v>
      </c>
      <c r="B25" s="20"/>
      <c r="C25" s="16">
        <v>285</v>
      </c>
      <c r="D25" s="22">
        <v>148</v>
      </c>
      <c r="E25" s="22">
        <v>137</v>
      </c>
      <c r="F25" s="22"/>
      <c r="G25" s="21" t="s">
        <v>46</v>
      </c>
      <c r="H25" s="20"/>
      <c r="I25" s="16">
        <v>558</v>
      </c>
      <c r="J25" s="22">
        <v>279</v>
      </c>
      <c r="K25" s="22">
        <v>279</v>
      </c>
    </row>
    <row r="26" spans="1:11" ht="15" customHeight="1">
      <c r="A26" s="20" t="s">
        <v>47</v>
      </c>
      <c r="B26" s="20"/>
      <c r="C26" s="16">
        <v>320</v>
      </c>
      <c r="D26" s="22">
        <v>164</v>
      </c>
      <c r="E26" s="22">
        <v>156</v>
      </c>
      <c r="F26" s="22"/>
      <c r="G26" s="21" t="s">
        <v>48</v>
      </c>
      <c r="H26" s="20"/>
      <c r="I26" s="16">
        <v>638</v>
      </c>
      <c r="J26" s="22">
        <v>299</v>
      </c>
      <c r="K26" s="22">
        <v>339</v>
      </c>
    </row>
    <row r="27" spans="1:11" ht="15" customHeight="1">
      <c r="A27" s="20" t="s">
        <v>49</v>
      </c>
      <c r="B27" s="20"/>
      <c r="C27" s="16">
        <v>332</v>
      </c>
      <c r="D27" s="22">
        <v>178</v>
      </c>
      <c r="E27" s="22">
        <v>154</v>
      </c>
      <c r="F27" s="22"/>
      <c r="G27" s="21" t="s">
        <v>50</v>
      </c>
      <c r="H27" s="20"/>
      <c r="I27" s="16">
        <v>633</v>
      </c>
      <c r="J27" s="22">
        <v>310</v>
      </c>
      <c r="K27" s="22">
        <v>323</v>
      </c>
    </row>
    <row r="28" spans="1:11" ht="15" customHeight="1">
      <c r="A28" s="20" t="s">
        <v>51</v>
      </c>
      <c r="B28" s="20"/>
      <c r="C28" s="16">
        <v>333</v>
      </c>
      <c r="D28" s="22">
        <v>171</v>
      </c>
      <c r="E28" s="22">
        <v>162</v>
      </c>
      <c r="F28" s="22"/>
      <c r="G28" s="21" t="s">
        <v>52</v>
      </c>
      <c r="H28" s="20"/>
      <c r="I28" s="16">
        <v>730</v>
      </c>
      <c r="J28" s="22">
        <v>324</v>
      </c>
      <c r="K28" s="22">
        <v>406</v>
      </c>
    </row>
    <row r="29" spans="1:11" ht="20.100000000000001" customHeight="1">
      <c r="A29" s="20" t="s">
        <v>53</v>
      </c>
      <c r="B29" s="20"/>
      <c r="C29" s="16">
        <v>1516</v>
      </c>
      <c r="D29" s="17">
        <v>776</v>
      </c>
      <c r="E29" s="17">
        <v>740</v>
      </c>
      <c r="F29" s="17"/>
      <c r="G29" s="21" t="s">
        <v>54</v>
      </c>
      <c r="H29" s="20"/>
      <c r="I29" s="16">
        <v>4224</v>
      </c>
      <c r="J29" s="17">
        <v>2068</v>
      </c>
      <c r="K29" s="17">
        <v>2156</v>
      </c>
    </row>
    <row r="30" spans="1:11" ht="15" customHeight="1">
      <c r="A30" s="20" t="s">
        <v>55</v>
      </c>
      <c r="B30" s="20"/>
      <c r="C30" s="16">
        <v>315</v>
      </c>
      <c r="D30" s="22">
        <v>145</v>
      </c>
      <c r="E30" s="22">
        <v>170</v>
      </c>
      <c r="F30" s="22"/>
      <c r="G30" s="21" t="s">
        <v>56</v>
      </c>
      <c r="H30" s="20"/>
      <c r="I30" s="16">
        <v>721</v>
      </c>
      <c r="J30" s="22">
        <v>364</v>
      </c>
      <c r="K30" s="22">
        <v>357</v>
      </c>
    </row>
    <row r="31" spans="1:11" ht="15" customHeight="1">
      <c r="A31" s="20" t="s">
        <v>57</v>
      </c>
      <c r="B31" s="20"/>
      <c r="C31" s="16">
        <v>326</v>
      </c>
      <c r="D31" s="22">
        <v>173</v>
      </c>
      <c r="E31" s="22">
        <v>153</v>
      </c>
      <c r="F31" s="22"/>
      <c r="G31" s="21" t="s">
        <v>58</v>
      </c>
      <c r="H31" s="20"/>
      <c r="I31" s="16">
        <v>833</v>
      </c>
      <c r="J31" s="22">
        <v>407</v>
      </c>
      <c r="K31" s="22">
        <v>426</v>
      </c>
    </row>
    <row r="32" spans="1:11" ht="15" customHeight="1">
      <c r="A32" s="20" t="s">
        <v>59</v>
      </c>
      <c r="B32" s="20"/>
      <c r="C32" s="16">
        <v>293</v>
      </c>
      <c r="D32" s="22">
        <v>138</v>
      </c>
      <c r="E32" s="22">
        <v>155</v>
      </c>
      <c r="F32" s="22"/>
      <c r="G32" s="21" t="s">
        <v>60</v>
      </c>
      <c r="H32" s="20"/>
      <c r="I32" s="16">
        <v>830</v>
      </c>
      <c r="J32" s="22">
        <v>432</v>
      </c>
      <c r="K32" s="22">
        <v>398</v>
      </c>
    </row>
    <row r="33" spans="1:11" ht="15" customHeight="1">
      <c r="A33" s="20" t="s">
        <v>61</v>
      </c>
      <c r="B33" s="20"/>
      <c r="C33" s="16">
        <v>280</v>
      </c>
      <c r="D33" s="22">
        <v>141</v>
      </c>
      <c r="E33" s="22">
        <v>139</v>
      </c>
      <c r="F33" s="22"/>
      <c r="G33" s="21" t="s">
        <v>62</v>
      </c>
      <c r="H33" s="20"/>
      <c r="I33" s="16">
        <v>925</v>
      </c>
      <c r="J33" s="22">
        <v>441</v>
      </c>
      <c r="K33" s="22">
        <v>484</v>
      </c>
    </row>
    <row r="34" spans="1:11" ht="15" customHeight="1">
      <c r="A34" s="20" t="s">
        <v>63</v>
      </c>
      <c r="B34" s="20"/>
      <c r="C34" s="16">
        <v>302</v>
      </c>
      <c r="D34" s="22">
        <v>179</v>
      </c>
      <c r="E34" s="22">
        <v>123</v>
      </c>
      <c r="F34" s="22"/>
      <c r="G34" s="21" t="s">
        <v>64</v>
      </c>
      <c r="H34" s="20"/>
      <c r="I34" s="16">
        <v>915</v>
      </c>
      <c r="J34" s="22">
        <v>424</v>
      </c>
      <c r="K34" s="22">
        <v>491</v>
      </c>
    </row>
    <row r="35" spans="1:11" ht="20.100000000000001" customHeight="1">
      <c r="A35" s="20" t="s">
        <v>65</v>
      </c>
      <c r="B35" s="20"/>
      <c r="C35" s="16">
        <v>1329</v>
      </c>
      <c r="D35" s="17">
        <v>705</v>
      </c>
      <c r="E35" s="17">
        <v>624</v>
      </c>
      <c r="F35" s="17"/>
      <c r="G35" s="21" t="s">
        <v>66</v>
      </c>
      <c r="H35" s="20"/>
      <c r="I35" s="16">
        <v>3437</v>
      </c>
      <c r="J35" s="17">
        <v>1566</v>
      </c>
      <c r="K35" s="17">
        <v>1871</v>
      </c>
    </row>
    <row r="36" spans="1:11" ht="15" customHeight="1">
      <c r="A36" s="20" t="s">
        <v>67</v>
      </c>
      <c r="B36" s="20"/>
      <c r="C36" s="16">
        <v>269</v>
      </c>
      <c r="D36" s="22">
        <v>138</v>
      </c>
      <c r="E36" s="22">
        <v>131</v>
      </c>
      <c r="F36" s="22"/>
      <c r="G36" s="21" t="s">
        <v>68</v>
      </c>
      <c r="H36" s="20"/>
      <c r="I36" s="16">
        <v>935</v>
      </c>
      <c r="J36" s="22">
        <v>443</v>
      </c>
      <c r="K36" s="22">
        <v>492</v>
      </c>
    </row>
    <row r="37" spans="1:11" ht="15" customHeight="1">
      <c r="A37" s="20" t="s">
        <v>69</v>
      </c>
      <c r="B37" s="20"/>
      <c r="C37" s="16">
        <v>276</v>
      </c>
      <c r="D37" s="22">
        <v>156</v>
      </c>
      <c r="E37" s="22">
        <v>120</v>
      </c>
      <c r="F37" s="22"/>
      <c r="G37" s="21" t="s">
        <v>70</v>
      </c>
      <c r="H37" s="20"/>
      <c r="I37" s="16">
        <v>662</v>
      </c>
      <c r="J37" s="22">
        <v>303</v>
      </c>
      <c r="K37" s="22">
        <v>359</v>
      </c>
    </row>
    <row r="38" spans="1:11" ht="15" customHeight="1">
      <c r="A38" s="20" t="s">
        <v>71</v>
      </c>
      <c r="B38" s="20"/>
      <c r="C38" s="16">
        <v>273</v>
      </c>
      <c r="D38" s="22">
        <v>140</v>
      </c>
      <c r="E38" s="22">
        <v>133</v>
      </c>
      <c r="F38" s="22"/>
      <c r="G38" s="21" t="s">
        <v>72</v>
      </c>
      <c r="H38" s="20"/>
      <c r="I38" s="16">
        <v>482</v>
      </c>
      <c r="J38" s="22">
        <v>216</v>
      </c>
      <c r="K38" s="22">
        <v>266</v>
      </c>
    </row>
    <row r="39" spans="1:11" ht="15" customHeight="1">
      <c r="A39" s="20" t="s">
        <v>73</v>
      </c>
      <c r="B39" s="20"/>
      <c r="C39" s="16">
        <v>247</v>
      </c>
      <c r="D39" s="22">
        <v>135</v>
      </c>
      <c r="E39" s="22">
        <v>112</v>
      </c>
      <c r="F39" s="22"/>
      <c r="G39" s="21" t="s">
        <v>74</v>
      </c>
      <c r="H39" s="20"/>
      <c r="I39" s="16">
        <v>697</v>
      </c>
      <c r="J39" s="22">
        <v>307</v>
      </c>
      <c r="K39" s="22">
        <v>390</v>
      </c>
    </row>
    <row r="40" spans="1:11" ht="15" customHeight="1">
      <c r="A40" s="20" t="s">
        <v>75</v>
      </c>
      <c r="B40" s="20"/>
      <c r="C40" s="16">
        <v>264</v>
      </c>
      <c r="D40" s="22">
        <v>136</v>
      </c>
      <c r="E40" s="22">
        <v>128</v>
      </c>
      <c r="F40" s="22"/>
      <c r="G40" s="21" t="s">
        <v>76</v>
      </c>
      <c r="H40" s="20"/>
      <c r="I40" s="16">
        <v>661</v>
      </c>
      <c r="J40" s="22">
        <v>297</v>
      </c>
      <c r="K40" s="22">
        <v>364</v>
      </c>
    </row>
    <row r="41" spans="1:11" ht="20.100000000000001" customHeight="1">
      <c r="A41" s="20" t="s">
        <v>77</v>
      </c>
      <c r="B41" s="20"/>
      <c r="C41" s="16">
        <v>1344</v>
      </c>
      <c r="D41" s="17">
        <v>682</v>
      </c>
      <c r="E41" s="17">
        <v>662</v>
      </c>
      <c r="F41" s="17"/>
      <c r="G41" s="21" t="s">
        <v>78</v>
      </c>
      <c r="H41" s="20"/>
      <c r="I41" s="16">
        <v>2808</v>
      </c>
      <c r="J41" s="17">
        <v>1154</v>
      </c>
      <c r="K41" s="17">
        <v>1654</v>
      </c>
    </row>
    <row r="42" spans="1:11" ht="15" customHeight="1">
      <c r="A42" s="20" t="s">
        <v>79</v>
      </c>
      <c r="B42" s="20"/>
      <c r="C42" s="16">
        <v>230</v>
      </c>
      <c r="D42" s="22">
        <v>119</v>
      </c>
      <c r="E42" s="22">
        <v>111</v>
      </c>
      <c r="F42" s="22"/>
      <c r="G42" s="21" t="s">
        <v>80</v>
      </c>
      <c r="H42" s="20"/>
      <c r="I42" s="16">
        <v>677</v>
      </c>
      <c r="J42" s="22">
        <v>298</v>
      </c>
      <c r="K42" s="22">
        <v>379</v>
      </c>
    </row>
    <row r="43" spans="1:11" ht="15" customHeight="1">
      <c r="A43" s="20" t="s">
        <v>81</v>
      </c>
      <c r="B43" s="20"/>
      <c r="C43" s="16">
        <v>263</v>
      </c>
      <c r="D43" s="22">
        <v>124</v>
      </c>
      <c r="E43" s="22">
        <v>139</v>
      </c>
      <c r="F43" s="22"/>
      <c r="G43" s="21" t="s">
        <v>82</v>
      </c>
      <c r="H43" s="20"/>
      <c r="I43" s="16">
        <v>650</v>
      </c>
      <c r="J43" s="22">
        <v>280</v>
      </c>
      <c r="K43" s="22">
        <v>370</v>
      </c>
    </row>
    <row r="44" spans="1:11" ht="15" customHeight="1">
      <c r="A44" s="20" t="s">
        <v>83</v>
      </c>
      <c r="B44" s="20"/>
      <c r="C44" s="16">
        <v>271</v>
      </c>
      <c r="D44" s="22">
        <v>135</v>
      </c>
      <c r="E44" s="22">
        <v>136</v>
      </c>
      <c r="F44" s="22"/>
      <c r="G44" s="21" t="s">
        <v>84</v>
      </c>
      <c r="H44" s="20"/>
      <c r="I44" s="16">
        <v>567</v>
      </c>
      <c r="J44" s="22">
        <v>209</v>
      </c>
      <c r="K44" s="22">
        <v>358</v>
      </c>
    </row>
    <row r="45" spans="1:11" ht="15" customHeight="1">
      <c r="A45" s="20" t="s">
        <v>85</v>
      </c>
      <c r="B45" s="20"/>
      <c r="C45" s="16">
        <v>286</v>
      </c>
      <c r="D45" s="22">
        <v>148</v>
      </c>
      <c r="E45" s="22">
        <v>138</v>
      </c>
      <c r="F45" s="22"/>
      <c r="G45" s="21" t="s">
        <v>86</v>
      </c>
      <c r="H45" s="20"/>
      <c r="I45" s="16">
        <v>468</v>
      </c>
      <c r="J45" s="22">
        <v>191</v>
      </c>
      <c r="K45" s="22">
        <v>277</v>
      </c>
    </row>
    <row r="46" spans="1:11" ht="15" customHeight="1">
      <c r="A46" s="20" t="s">
        <v>87</v>
      </c>
      <c r="B46" s="20"/>
      <c r="C46" s="16">
        <v>294</v>
      </c>
      <c r="D46" s="22">
        <v>156</v>
      </c>
      <c r="E46" s="22">
        <v>138</v>
      </c>
      <c r="F46" s="22"/>
      <c r="G46" s="21" t="s">
        <v>88</v>
      </c>
      <c r="H46" s="20"/>
      <c r="I46" s="16">
        <v>446</v>
      </c>
      <c r="J46" s="22">
        <v>176</v>
      </c>
      <c r="K46" s="22">
        <v>270</v>
      </c>
    </row>
    <row r="47" spans="1:11" ht="20.100000000000001" customHeight="1">
      <c r="A47" s="20" t="s">
        <v>89</v>
      </c>
      <c r="B47" s="20"/>
      <c r="C47" s="16">
        <v>1649</v>
      </c>
      <c r="D47" s="17">
        <v>833</v>
      </c>
      <c r="E47" s="17">
        <v>816</v>
      </c>
      <c r="F47" s="17"/>
      <c r="G47" s="21" t="s">
        <v>90</v>
      </c>
      <c r="H47" s="20"/>
      <c r="I47" s="16">
        <v>1961</v>
      </c>
      <c r="J47" s="17">
        <v>731</v>
      </c>
      <c r="K47" s="17">
        <v>1230</v>
      </c>
    </row>
    <row r="48" spans="1:11" ht="15" customHeight="1">
      <c r="A48" s="20" t="s">
        <v>91</v>
      </c>
      <c r="B48" s="20"/>
      <c r="C48" s="16">
        <v>307</v>
      </c>
      <c r="D48" s="22">
        <v>142</v>
      </c>
      <c r="E48" s="22">
        <v>165</v>
      </c>
      <c r="F48" s="22"/>
      <c r="G48" s="21" t="s">
        <v>92</v>
      </c>
      <c r="H48" s="20"/>
      <c r="I48" s="16">
        <v>486</v>
      </c>
      <c r="J48" s="22">
        <v>188</v>
      </c>
      <c r="K48" s="22">
        <v>298</v>
      </c>
    </row>
    <row r="49" spans="1:11" ht="15" customHeight="1">
      <c r="A49" s="20" t="s">
        <v>93</v>
      </c>
      <c r="B49" s="20"/>
      <c r="C49" s="16">
        <v>314</v>
      </c>
      <c r="D49" s="22">
        <v>157</v>
      </c>
      <c r="E49" s="22">
        <v>157</v>
      </c>
      <c r="F49" s="22"/>
      <c r="G49" s="21" t="s">
        <v>94</v>
      </c>
      <c r="H49" s="20"/>
      <c r="I49" s="16">
        <v>408</v>
      </c>
      <c r="J49" s="22">
        <v>169</v>
      </c>
      <c r="K49" s="22">
        <v>239</v>
      </c>
    </row>
    <row r="50" spans="1:11" ht="15" customHeight="1">
      <c r="A50" s="20" t="s">
        <v>95</v>
      </c>
      <c r="B50" s="20"/>
      <c r="C50" s="16">
        <v>345</v>
      </c>
      <c r="D50" s="22">
        <v>184</v>
      </c>
      <c r="E50" s="22">
        <v>161</v>
      </c>
      <c r="F50" s="22"/>
      <c r="G50" s="21" t="s">
        <v>96</v>
      </c>
      <c r="H50" s="20"/>
      <c r="I50" s="16">
        <v>403</v>
      </c>
      <c r="J50" s="22">
        <v>141</v>
      </c>
      <c r="K50" s="22">
        <v>262</v>
      </c>
    </row>
    <row r="51" spans="1:11" ht="15" customHeight="1">
      <c r="A51" s="20" t="s">
        <v>97</v>
      </c>
      <c r="B51" s="20"/>
      <c r="C51" s="16">
        <v>346</v>
      </c>
      <c r="D51" s="22">
        <v>170</v>
      </c>
      <c r="E51" s="22">
        <v>176</v>
      </c>
      <c r="F51" s="22"/>
      <c r="G51" s="21" t="s">
        <v>98</v>
      </c>
      <c r="H51" s="20"/>
      <c r="I51" s="16">
        <v>339</v>
      </c>
      <c r="J51" s="22">
        <v>124</v>
      </c>
      <c r="K51" s="22">
        <v>215</v>
      </c>
    </row>
    <row r="52" spans="1:11" ht="15" customHeight="1">
      <c r="A52" s="20" t="s">
        <v>99</v>
      </c>
      <c r="B52" s="20"/>
      <c r="C52" s="16">
        <v>337</v>
      </c>
      <c r="D52" s="22">
        <v>180</v>
      </c>
      <c r="E52" s="22">
        <v>157</v>
      </c>
      <c r="F52" s="22"/>
      <c r="G52" s="21" t="s">
        <v>100</v>
      </c>
      <c r="H52" s="20"/>
      <c r="I52" s="16">
        <v>325</v>
      </c>
      <c r="J52" s="22">
        <v>109</v>
      </c>
      <c r="K52" s="22">
        <v>216</v>
      </c>
    </row>
    <row r="53" spans="1:11" ht="20.100000000000001" customHeight="1">
      <c r="A53" s="20" t="s">
        <v>101</v>
      </c>
      <c r="B53" s="20"/>
      <c r="C53" s="16">
        <v>1983</v>
      </c>
      <c r="D53" s="17">
        <v>996</v>
      </c>
      <c r="E53" s="17">
        <v>987</v>
      </c>
      <c r="F53" s="17"/>
      <c r="G53" s="21" t="s">
        <v>102</v>
      </c>
      <c r="H53" s="20"/>
      <c r="I53" s="16">
        <v>1035</v>
      </c>
      <c r="J53" s="17">
        <v>301</v>
      </c>
      <c r="K53" s="17">
        <v>734</v>
      </c>
    </row>
    <row r="54" spans="1:11" ht="15" customHeight="1">
      <c r="A54" s="20" t="s">
        <v>103</v>
      </c>
      <c r="B54" s="20"/>
      <c r="C54" s="16">
        <v>365</v>
      </c>
      <c r="D54" s="22">
        <v>182</v>
      </c>
      <c r="E54" s="22">
        <v>183</v>
      </c>
      <c r="F54" s="22"/>
      <c r="G54" s="21" t="s">
        <v>104</v>
      </c>
      <c r="H54" s="20"/>
      <c r="I54" s="16">
        <v>250</v>
      </c>
      <c r="J54" s="22">
        <v>81</v>
      </c>
      <c r="K54" s="22">
        <v>169</v>
      </c>
    </row>
    <row r="55" spans="1:11" ht="15" customHeight="1">
      <c r="A55" s="20" t="s">
        <v>105</v>
      </c>
      <c r="B55" s="20"/>
      <c r="C55" s="16">
        <v>364</v>
      </c>
      <c r="D55" s="22">
        <v>189</v>
      </c>
      <c r="E55" s="22">
        <v>175</v>
      </c>
      <c r="F55" s="22"/>
      <c r="G55" s="21" t="s">
        <v>106</v>
      </c>
      <c r="H55" s="20"/>
      <c r="I55" s="16">
        <v>243</v>
      </c>
      <c r="J55" s="22">
        <v>66</v>
      </c>
      <c r="K55" s="22">
        <v>177</v>
      </c>
    </row>
    <row r="56" spans="1:11" ht="15" customHeight="1">
      <c r="A56" s="20" t="s">
        <v>107</v>
      </c>
      <c r="B56" s="20"/>
      <c r="C56" s="16">
        <v>400</v>
      </c>
      <c r="D56" s="22">
        <v>195</v>
      </c>
      <c r="E56" s="22">
        <v>205</v>
      </c>
      <c r="F56" s="22"/>
      <c r="G56" s="21" t="s">
        <v>108</v>
      </c>
      <c r="H56" s="20"/>
      <c r="I56" s="16">
        <v>233</v>
      </c>
      <c r="J56" s="22">
        <v>76</v>
      </c>
      <c r="K56" s="22">
        <v>157</v>
      </c>
    </row>
    <row r="57" spans="1:11" ht="15" customHeight="1">
      <c r="A57" s="20" t="s">
        <v>109</v>
      </c>
      <c r="B57" s="20"/>
      <c r="C57" s="16">
        <v>411</v>
      </c>
      <c r="D57" s="22">
        <v>203</v>
      </c>
      <c r="E57" s="22">
        <v>208</v>
      </c>
      <c r="F57" s="22"/>
      <c r="G57" s="21" t="s">
        <v>110</v>
      </c>
      <c r="H57" s="20"/>
      <c r="I57" s="16">
        <v>161</v>
      </c>
      <c r="J57" s="22">
        <v>44</v>
      </c>
      <c r="K57" s="22">
        <v>117</v>
      </c>
    </row>
    <row r="58" spans="1:11" ht="15" customHeight="1">
      <c r="A58" s="20" t="s">
        <v>111</v>
      </c>
      <c r="B58" s="20"/>
      <c r="C58" s="16">
        <v>443</v>
      </c>
      <c r="D58" s="22">
        <v>227</v>
      </c>
      <c r="E58" s="22">
        <v>216</v>
      </c>
      <c r="F58" s="22"/>
      <c r="G58" s="21" t="s">
        <v>112</v>
      </c>
      <c r="H58" s="20"/>
      <c r="I58" s="16">
        <v>148</v>
      </c>
      <c r="J58" s="22">
        <v>34</v>
      </c>
      <c r="K58" s="22">
        <v>114</v>
      </c>
    </row>
    <row r="59" spans="1:11" ht="20.100000000000001" customHeight="1">
      <c r="A59" s="20" t="s">
        <v>113</v>
      </c>
      <c r="B59" s="20"/>
      <c r="C59" s="16">
        <v>2563</v>
      </c>
      <c r="D59" s="17">
        <v>1322</v>
      </c>
      <c r="E59" s="17">
        <v>1241</v>
      </c>
      <c r="F59" s="17"/>
      <c r="G59" s="21" t="s">
        <v>114</v>
      </c>
      <c r="H59" s="20"/>
      <c r="I59" s="16">
        <v>320</v>
      </c>
      <c r="J59" s="17">
        <v>71</v>
      </c>
      <c r="K59" s="17">
        <v>249</v>
      </c>
    </row>
    <row r="60" spans="1:11" ht="15" customHeight="1">
      <c r="A60" s="20" t="s">
        <v>115</v>
      </c>
      <c r="B60" s="20"/>
      <c r="C60" s="16">
        <v>470</v>
      </c>
      <c r="D60" s="22">
        <v>256</v>
      </c>
      <c r="E60" s="22">
        <v>214</v>
      </c>
      <c r="F60" s="22"/>
      <c r="G60" s="21" t="s">
        <v>116</v>
      </c>
      <c r="H60" s="20"/>
      <c r="I60" s="16">
        <v>105</v>
      </c>
      <c r="J60" s="22">
        <v>20</v>
      </c>
      <c r="K60" s="22">
        <v>85</v>
      </c>
    </row>
    <row r="61" spans="1:11" ht="15" customHeight="1">
      <c r="A61" s="20" t="s">
        <v>117</v>
      </c>
      <c r="B61" s="20"/>
      <c r="C61" s="16">
        <v>476</v>
      </c>
      <c r="D61" s="22">
        <v>241</v>
      </c>
      <c r="E61" s="22">
        <v>235</v>
      </c>
      <c r="F61" s="22"/>
      <c r="G61" s="21" t="s">
        <v>118</v>
      </c>
      <c r="H61" s="20"/>
      <c r="I61" s="16">
        <v>93</v>
      </c>
      <c r="J61" s="22">
        <v>26</v>
      </c>
      <c r="K61" s="22">
        <v>67</v>
      </c>
    </row>
    <row r="62" spans="1:11" ht="15" customHeight="1">
      <c r="A62" s="20" t="s">
        <v>119</v>
      </c>
      <c r="B62" s="20"/>
      <c r="C62" s="16">
        <v>522</v>
      </c>
      <c r="D62" s="22">
        <v>262</v>
      </c>
      <c r="E62" s="22">
        <v>260</v>
      </c>
      <c r="F62" s="22"/>
      <c r="G62" s="21" t="s">
        <v>120</v>
      </c>
      <c r="H62" s="20"/>
      <c r="I62" s="16">
        <v>52</v>
      </c>
      <c r="J62" s="22">
        <v>10</v>
      </c>
      <c r="K62" s="22">
        <v>42</v>
      </c>
    </row>
    <row r="63" spans="1:11" ht="15" customHeight="1">
      <c r="A63" s="20" t="s">
        <v>121</v>
      </c>
      <c r="B63" s="20"/>
      <c r="C63" s="16">
        <v>508</v>
      </c>
      <c r="D63" s="22">
        <v>267</v>
      </c>
      <c r="E63" s="22">
        <v>241</v>
      </c>
      <c r="F63" s="22"/>
      <c r="G63" s="21" t="s">
        <v>122</v>
      </c>
      <c r="H63" s="20"/>
      <c r="I63" s="16">
        <v>50</v>
      </c>
      <c r="J63" s="22">
        <v>9</v>
      </c>
      <c r="K63" s="22">
        <v>41</v>
      </c>
    </row>
    <row r="64" spans="1:11" ht="15" customHeight="1">
      <c r="A64" s="20" t="s">
        <v>123</v>
      </c>
      <c r="B64" s="20"/>
      <c r="C64" s="16">
        <v>587</v>
      </c>
      <c r="D64" s="22">
        <v>296</v>
      </c>
      <c r="E64" s="22">
        <v>291</v>
      </c>
      <c r="F64" s="22"/>
      <c r="G64" s="21" t="s">
        <v>124</v>
      </c>
      <c r="H64" s="20"/>
      <c r="I64" s="16">
        <v>20</v>
      </c>
      <c r="J64" s="22">
        <v>6</v>
      </c>
      <c r="K64" s="22">
        <v>1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51</v>
      </c>
      <c r="J65" s="22">
        <v>5</v>
      </c>
      <c r="K65" s="22">
        <v>46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75</v>
      </c>
      <c r="J66" s="32">
        <v>68</v>
      </c>
      <c r="K66" s="32">
        <v>107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2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33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31414</v>
      </c>
      <c r="D4" s="17">
        <v>14748</v>
      </c>
      <c r="E4" s="17">
        <v>16666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840</v>
      </c>
      <c r="D5" s="17">
        <v>420</v>
      </c>
      <c r="E5" s="17">
        <v>420</v>
      </c>
      <c r="F5" s="17"/>
      <c r="G5" s="21" t="s">
        <v>6</v>
      </c>
      <c r="H5" s="20"/>
      <c r="I5" s="16">
        <v>2852</v>
      </c>
      <c r="J5" s="17">
        <v>1343</v>
      </c>
      <c r="K5" s="17">
        <v>1509</v>
      </c>
    </row>
    <row r="6" spans="1:11" ht="15" customHeight="1">
      <c r="A6" s="20" t="s">
        <v>7</v>
      </c>
      <c r="B6" s="20"/>
      <c r="C6" s="16">
        <v>134</v>
      </c>
      <c r="D6" s="22">
        <v>64</v>
      </c>
      <c r="E6" s="22">
        <v>70</v>
      </c>
      <c r="F6" s="22"/>
      <c r="G6" s="21" t="s">
        <v>8</v>
      </c>
      <c r="H6" s="20"/>
      <c r="I6" s="16">
        <v>588</v>
      </c>
      <c r="J6" s="22">
        <v>279</v>
      </c>
      <c r="K6" s="22">
        <v>309</v>
      </c>
    </row>
    <row r="7" spans="1:11" ht="15" customHeight="1">
      <c r="A7" s="20" t="s">
        <v>9</v>
      </c>
      <c r="B7" s="20"/>
      <c r="C7" s="16">
        <v>151</v>
      </c>
      <c r="D7" s="22">
        <v>83</v>
      </c>
      <c r="E7" s="22">
        <v>68</v>
      </c>
      <c r="F7" s="22"/>
      <c r="G7" s="21" t="s">
        <v>10</v>
      </c>
      <c r="H7" s="20"/>
      <c r="I7" s="16">
        <v>599</v>
      </c>
      <c r="J7" s="22">
        <v>286</v>
      </c>
      <c r="K7" s="22">
        <v>313</v>
      </c>
    </row>
    <row r="8" spans="1:11" ht="15" customHeight="1">
      <c r="A8" s="20" t="s">
        <v>11</v>
      </c>
      <c r="B8" s="20"/>
      <c r="C8" s="16">
        <v>169</v>
      </c>
      <c r="D8" s="22">
        <v>84</v>
      </c>
      <c r="E8" s="22">
        <v>85</v>
      </c>
      <c r="F8" s="22"/>
      <c r="G8" s="21" t="s">
        <v>12</v>
      </c>
      <c r="H8" s="20"/>
      <c r="I8" s="16">
        <v>531</v>
      </c>
      <c r="J8" s="22">
        <v>240</v>
      </c>
      <c r="K8" s="22">
        <v>291</v>
      </c>
    </row>
    <row r="9" spans="1:11" ht="15" customHeight="1">
      <c r="A9" s="20" t="s">
        <v>13</v>
      </c>
      <c r="B9" s="20"/>
      <c r="C9" s="16">
        <v>189</v>
      </c>
      <c r="D9" s="22">
        <v>95</v>
      </c>
      <c r="E9" s="22">
        <v>94</v>
      </c>
      <c r="F9" s="22"/>
      <c r="G9" s="21" t="s">
        <v>14</v>
      </c>
      <c r="H9" s="20"/>
      <c r="I9" s="16">
        <v>592</v>
      </c>
      <c r="J9" s="22">
        <v>269</v>
      </c>
      <c r="K9" s="22">
        <v>323</v>
      </c>
    </row>
    <row r="10" spans="1:11" ht="15" customHeight="1">
      <c r="A10" s="20" t="s">
        <v>15</v>
      </c>
      <c r="B10" s="20"/>
      <c r="C10" s="16">
        <v>197</v>
      </c>
      <c r="D10" s="22">
        <v>94</v>
      </c>
      <c r="E10" s="22">
        <v>103</v>
      </c>
      <c r="F10" s="22"/>
      <c r="G10" s="21" t="s">
        <v>16</v>
      </c>
      <c r="H10" s="20"/>
      <c r="I10" s="16">
        <v>542</v>
      </c>
      <c r="J10" s="22">
        <v>269</v>
      </c>
      <c r="K10" s="22">
        <v>273</v>
      </c>
    </row>
    <row r="11" spans="1:11" ht="20.100000000000001" customHeight="1">
      <c r="A11" s="20" t="s">
        <v>17</v>
      </c>
      <c r="B11" s="20"/>
      <c r="C11" s="16">
        <v>1423</v>
      </c>
      <c r="D11" s="17">
        <v>756</v>
      </c>
      <c r="E11" s="17">
        <v>667</v>
      </c>
      <c r="F11" s="17"/>
      <c r="G11" s="21" t="s">
        <v>18</v>
      </c>
      <c r="H11" s="20"/>
      <c r="I11" s="16">
        <v>2373</v>
      </c>
      <c r="J11" s="17">
        <v>1203</v>
      </c>
      <c r="K11" s="17">
        <v>1170</v>
      </c>
    </row>
    <row r="12" spans="1:11" ht="15" customHeight="1">
      <c r="A12" s="20" t="s">
        <v>19</v>
      </c>
      <c r="B12" s="20"/>
      <c r="C12" s="16">
        <v>242</v>
      </c>
      <c r="D12" s="22">
        <v>131</v>
      </c>
      <c r="E12" s="22">
        <v>111</v>
      </c>
      <c r="F12" s="22"/>
      <c r="G12" s="21" t="s">
        <v>20</v>
      </c>
      <c r="H12" s="20"/>
      <c r="I12" s="16">
        <v>546</v>
      </c>
      <c r="J12" s="22">
        <v>278</v>
      </c>
      <c r="K12" s="22">
        <v>268</v>
      </c>
    </row>
    <row r="13" spans="1:11" ht="15" customHeight="1">
      <c r="A13" s="20" t="s">
        <v>21</v>
      </c>
      <c r="B13" s="20"/>
      <c r="C13" s="16">
        <v>271</v>
      </c>
      <c r="D13" s="22">
        <v>140</v>
      </c>
      <c r="E13" s="22">
        <v>131</v>
      </c>
      <c r="F13" s="22"/>
      <c r="G13" s="21" t="s">
        <v>22</v>
      </c>
      <c r="H13" s="20"/>
      <c r="I13" s="16">
        <v>405</v>
      </c>
      <c r="J13" s="22">
        <v>202</v>
      </c>
      <c r="K13" s="22">
        <v>203</v>
      </c>
    </row>
    <row r="14" spans="1:11" ht="15" customHeight="1">
      <c r="A14" s="20" t="s">
        <v>23</v>
      </c>
      <c r="B14" s="20"/>
      <c r="C14" s="16">
        <v>316</v>
      </c>
      <c r="D14" s="22">
        <v>162</v>
      </c>
      <c r="E14" s="22">
        <v>154</v>
      </c>
      <c r="F14" s="22"/>
      <c r="G14" s="21" t="s">
        <v>24</v>
      </c>
      <c r="H14" s="20"/>
      <c r="I14" s="16">
        <v>537</v>
      </c>
      <c r="J14" s="22">
        <v>265</v>
      </c>
      <c r="K14" s="22">
        <v>272</v>
      </c>
    </row>
    <row r="15" spans="1:11" ht="15" customHeight="1">
      <c r="A15" s="20" t="s">
        <v>25</v>
      </c>
      <c r="B15" s="20"/>
      <c r="C15" s="16">
        <v>277</v>
      </c>
      <c r="D15" s="22">
        <v>154</v>
      </c>
      <c r="E15" s="22">
        <v>123</v>
      </c>
      <c r="F15" s="22"/>
      <c r="G15" s="21" t="s">
        <v>26</v>
      </c>
      <c r="H15" s="20"/>
      <c r="I15" s="16">
        <v>473</v>
      </c>
      <c r="J15" s="22">
        <v>252</v>
      </c>
      <c r="K15" s="22">
        <v>221</v>
      </c>
    </row>
    <row r="16" spans="1:11" ht="15" customHeight="1">
      <c r="A16" s="20" t="s">
        <v>27</v>
      </c>
      <c r="B16" s="20"/>
      <c r="C16" s="16">
        <v>317</v>
      </c>
      <c r="D16" s="22">
        <v>169</v>
      </c>
      <c r="E16" s="22">
        <v>148</v>
      </c>
      <c r="F16" s="22"/>
      <c r="G16" s="21" t="s">
        <v>28</v>
      </c>
      <c r="H16" s="20"/>
      <c r="I16" s="16">
        <v>412</v>
      </c>
      <c r="J16" s="22">
        <v>206</v>
      </c>
      <c r="K16" s="22">
        <v>206</v>
      </c>
    </row>
    <row r="17" spans="1:11" ht="20.100000000000001" customHeight="1">
      <c r="A17" s="24" t="s">
        <v>29</v>
      </c>
      <c r="B17" s="24"/>
      <c r="C17" s="16">
        <v>1567</v>
      </c>
      <c r="D17" s="17">
        <v>796</v>
      </c>
      <c r="E17" s="17">
        <v>771</v>
      </c>
      <c r="F17" s="17"/>
      <c r="G17" s="21" t="s">
        <v>30</v>
      </c>
      <c r="H17" s="20"/>
      <c r="I17" s="16">
        <v>1868</v>
      </c>
      <c r="J17" s="17">
        <v>944</v>
      </c>
      <c r="K17" s="17">
        <v>924</v>
      </c>
    </row>
    <row r="18" spans="1:11" ht="15" customHeight="1">
      <c r="A18" s="20" t="s">
        <v>31</v>
      </c>
      <c r="B18" s="20"/>
      <c r="C18" s="16">
        <v>297</v>
      </c>
      <c r="D18" s="22">
        <v>158</v>
      </c>
      <c r="E18" s="22">
        <v>139</v>
      </c>
      <c r="F18" s="22"/>
      <c r="G18" s="21" t="s">
        <v>32</v>
      </c>
      <c r="H18" s="20"/>
      <c r="I18" s="16">
        <v>437</v>
      </c>
      <c r="J18" s="22">
        <v>224</v>
      </c>
      <c r="K18" s="22">
        <v>213</v>
      </c>
    </row>
    <row r="19" spans="1:11" ht="15" customHeight="1">
      <c r="A19" s="20" t="s">
        <v>33</v>
      </c>
      <c r="B19" s="20"/>
      <c r="C19" s="16">
        <v>307</v>
      </c>
      <c r="D19" s="22">
        <v>142</v>
      </c>
      <c r="E19" s="22">
        <v>165</v>
      </c>
      <c r="F19" s="22"/>
      <c r="G19" s="21" t="s">
        <v>34</v>
      </c>
      <c r="H19" s="20"/>
      <c r="I19" s="16">
        <v>383</v>
      </c>
      <c r="J19" s="22">
        <v>188</v>
      </c>
      <c r="K19" s="22">
        <v>195</v>
      </c>
    </row>
    <row r="20" spans="1:11" ht="15" customHeight="1">
      <c r="A20" s="20" t="s">
        <v>35</v>
      </c>
      <c r="B20" s="20"/>
      <c r="C20" s="16">
        <v>333</v>
      </c>
      <c r="D20" s="22">
        <v>163</v>
      </c>
      <c r="E20" s="22">
        <v>170</v>
      </c>
      <c r="F20" s="22"/>
      <c r="G20" s="21" t="s">
        <v>36</v>
      </c>
      <c r="H20" s="20"/>
      <c r="I20" s="16">
        <v>337</v>
      </c>
      <c r="J20" s="22">
        <v>168</v>
      </c>
      <c r="K20" s="22">
        <v>169</v>
      </c>
    </row>
    <row r="21" spans="1:11" ht="15" customHeight="1">
      <c r="A21" s="20" t="s">
        <v>37</v>
      </c>
      <c r="B21" s="20"/>
      <c r="C21" s="16">
        <v>327</v>
      </c>
      <c r="D21" s="22">
        <v>173</v>
      </c>
      <c r="E21" s="22">
        <v>154</v>
      </c>
      <c r="F21" s="22"/>
      <c r="G21" s="21" t="s">
        <v>38</v>
      </c>
      <c r="H21" s="20"/>
      <c r="I21" s="16">
        <v>389</v>
      </c>
      <c r="J21" s="22">
        <v>198</v>
      </c>
      <c r="K21" s="22">
        <v>191</v>
      </c>
    </row>
    <row r="22" spans="1:11" ht="15" customHeight="1">
      <c r="A22" s="20" t="s">
        <v>39</v>
      </c>
      <c r="B22" s="20"/>
      <c r="C22" s="16">
        <v>303</v>
      </c>
      <c r="D22" s="22">
        <v>160</v>
      </c>
      <c r="E22" s="22">
        <v>143</v>
      </c>
      <c r="F22" s="22"/>
      <c r="G22" s="21" t="s">
        <v>40</v>
      </c>
      <c r="H22" s="20"/>
      <c r="I22" s="16">
        <v>322</v>
      </c>
      <c r="J22" s="22">
        <v>166</v>
      </c>
      <c r="K22" s="22">
        <v>156</v>
      </c>
    </row>
    <row r="23" spans="1:11" ht="20.100000000000001" customHeight="1">
      <c r="A23" s="20" t="s">
        <v>41</v>
      </c>
      <c r="B23" s="20"/>
      <c r="C23" s="16">
        <v>1492</v>
      </c>
      <c r="D23" s="17">
        <v>749</v>
      </c>
      <c r="E23" s="17">
        <v>743</v>
      </c>
      <c r="F23" s="17"/>
      <c r="G23" s="21" t="s">
        <v>42</v>
      </c>
      <c r="H23" s="20"/>
      <c r="I23" s="16">
        <v>1681</v>
      </c>
      <c r="J23" s="17">
        <v>789</v>
      </c>
      <c r="K23" s="17">
        <v>892</v>
      </c>
    </row>
    <row r="24" spans="1:11" ht="15" customHeight="1">
      <c r="A24" s="20" t="s">
        <v>43</v>
      </c>
      <c r="B24" s="20"/>
      <c r="C24" s="16">
        <v>351</v>
      </c>
      <c r="D24" s="22">
        <v>173</v>
      </c>
      <c r="E24" s="22">
        <v>178</v>
      </c>
      <c r="F24" s="22"/>
      <c r="G24" s="21" t="s">
        <v>44</v>
      </c>
      <c r="H24" s="20"/>
      <c r="I24" s="16">
        <v>308</v>
      </c>
      <c r="J24" s="22">
        <v>154</v>
      </c>
      <c r="K24" s="22">
        <v>154</v>
      </c>
    </row>
    <row r="25" spans="1:11" ht="15" customHeight="1">
      <c r="A25" s="20" t="s">
        <v>45</v>
      </c>
      <c r="B25" s="20"/>
      <c r="C25" s="16">
        <v>279</v>
      </c>
      <c r="D25" s="22">
        <v>152</v>
      </c>
      <c r="E25" s="22">
        <v>127</v>
      </c>
      <c r="F25" s="22"/>
      <c r="G25" s="21" t="s">
        <v>46</v>
      </c>
      <c r="H25" s="20"/>
      <c r="I25" s="16">
        <v>325</v>
      </c>
      <c r="J25" s="22">
        <v>158</v>
      </c>
      <c r="K25" s="22">
        <v>167</v>
      </c>
    </row>
    <row r="26" spans="1:11" ht="15" customHeight="1">
      <c r="A26" s="20" t="s">
        <v>47</v>
      </c>
      <c r="B26" s="20"/>
      <c r="C26" s="16">
        <v>268</v>
      </c>
      <c r="D26" s="22">
        <v>134</v>
      </c>
      <c r="E26" s="22">
        <v>134</v>
      </c>
      <c r="F26" s="22"/>
      <c r="G26" s="21" t="s">
        <v>48</v>
      </c>
      <c r="H26" s="20"/>
      <c r="I26" s="16">
        <v>328</v>
      </c>
      <c r="J26" s="22">
        <v>141</v>
      </c>
      <c r="K26" s="22">
        <v>187</v>
      </c>
    </row>
    <row r="27" spans="1:11" ht="15" customHeight="1">
      <c r="A27" s="20" t="s">
        <v>49</v>
      </c>
      <c r="B27" s="20"/>
      <c r="C27" s="16">
        <v>306</v>
      </c>
      <c r="D27" s="22">
        <v>151</v>
      </c>
      <c r="E27" s="22">
        <v>155</v>
      </c>
      <c r="F27" s="22"/>
      <c r="G27" s="21" t="s">
        <v>50</v>
      </c>
      <c r="H27" s="20"/>
      <c r="I27" s="16">
        <v>368</v>
      </c>
      <c r="J27" s="22">
        <v>182</v>
      </c>
      <c r="K27" s="22">
        <v>186</v>
      </c>
    </row>
    <row r="28" spans="1:11" ht="15" customHeight="1">
      <c r="A28" s="20" t="s">
        <v>51</v>
      </c>
      <c r="B28" s="20"/>
      <c r="C28" s="16">
        <v>288</v>
      </c>
      <c r="D28" s="22">
        <v>139</v>
      </c>
      <c r="E28" s="22">
        <v>149</v>
      </c>
      <c r="F28" s="22"/>
      <c r="G28" s="21" t="s">
        <v>52</v>
      </c>
      <c r="H28" s="20"/>
      <c r="I28" s="16">
        <v>352</v>
      </c>
      <c r="J28" s="22">
        <v>154</v>
      </c>
      <c r="K28" s="22">
        <v>198</v>
      </c>
    </row>
    <row r="29" spans="1:11" ht="20.100000000000001" customHeight="1">
      <c r="A29" s="20" t="s">
        <v>53</v>
      </c>
      <c r="B29" s="20"/>
      <c r="C29" s="16">
        <v>1203</v>
      </c>
      <c r="D29" s="17">
        <v>611</v>
      </c>
      <c r="E29" s="17">
        <v>592</v>
      </c>
      <c r="F29" s="17"/>
      <c r="G29" s="21" t="s">
        <v>54</v>
      </c>
      <c r="H29" s="20"/>
      <c r="I29" s="16">
        <v>2242</v>
      </c>
      <c r="J29" s="17">
        <v>1010</v>
      </c>
      <c r="K29" s="17">
        <v>1232</v>
      </c>
    </row>
    <row r="30" spans="1:11" ht="15" customHeight="1">
      <c r="A30" s="20" t="s">
        <v>55</v>
      </c>
      <c r="B30" s="20"/>
      <c r="C30" s="16">
        <v>300</v>
      </c>
      <c r="D30" s="22">
        <v>166</v>
      </c>
      <c r="E30" s="22">
        <v>134</v>
      </c>
      <c r="F30" s="22"/>
      <c r="G30" s="21" t="s">
        <v>56</v>
      </c>
      <c r="H30" s="20"/>
      <c r="I30" s="16">
        <v>377</v>
      </c>
      <c r="J30" s="22">
        <v>167</v>
      </c>
      <c r="K30" s="22">
        <v>210</v>
      </c>
    </row>
    <row r="31" spans="1:11" ht="15" customHeight="1">
      <c r="A31" s="20" t="s">
        <v>57</v>
      </c>
      <c r="B31" s="20"/>
      <c r="C31" s="16">
        <v>278</v>
      </c>
      <c r="D31" s="22">
        <v>141</v>
      </c>
      <c r="E31" s="22">
        <v>137</v>
      </c>
      <c r="F31" s="22"/>
      <c r="G31" s="21" t="s">
        <v>58</v>
      </c>
      <c r="H31" s="20"/>
      <c r="I31" s="16">
        <v>370</v>
      </c>
      <c r="J31" s="22">
        <v>176</v>
      </c>
      <c r="K31" s="22">
        <v>194</v>
      </c>
    </row>
    <row r="32" spans="1:11" ht="15" customHeight="1">
      <c r="A32" s="20" t="s">
        <v>59</v>
      </c>
      <c r="B32" s="20"/>
      <c r="C32" s="16">
        <v>207</v>
      </c>
      <c r="D32" s="22">
        <v>104</v>
      </c>
      <c r="E32" s="22">
        <v>103</v>
      </c>
      <c r="F32" s="22"/>
      <c r="G32" s="21" t="s">
        <v>60</v>
      </c>
      <c r="H32" s="20"/>
      <c r="I32" s="16">
        <v>421</v>
      </c>
      <c r="J32" s="22">
        <v>178</v>
      </c>
      <c r="K32" s="22">
        <v>243</v>
      </c>
    </row>
    <row r="33" spans="1:11" ht="15" customHeight="1">
      <c r="A33" s="20" t="s">
        <v>61</v>
      </c>
      <c r="B33" s="20"/>
      <c r="C33" s="16">
        <v>177</v>
      </c>
      <c r="D33" s="22">
        <v>83</v>
      </c>
      <c r="E33" s="22">
        <v>94</v>
      </c>
      <c r="F33" s="22"/>
      <c r="G33" s="21" t="s">
        <v>62</v>
      </c>
      <c r="H33" s="20"/>
      <c r="I33" s="16">
        <v>520</v>
      </c>
      <c r="J33" s="22">
        <v>239</v>
      </c>
      <c r="K33" s="22">
        <v>281</v>
      </c>
    </row>
    <row r="34" spans="1:11" ht="15" customHeight="1">
      <c r="A34" s="20" t="s">
        <v>63</v>
      </c>
      <c r="B34" s="20"/>
      <c r="C34" s="16">
        <v>241</v>
      </c>
      <c r="D34" s="22">
        <v>117</v>
      </c>
      <c r="E34" s="22">
        <v>124</v>
      </c>
      <c r="F34" s="22"/>
      <c r="G34" s="21" t="s">
        <v>64</v>
      </c>
      <c r="H34" s="20"/>
      <c r="I34" s="16">
        <v>554</v>
      </c>
      <c r="J34" s="22">
        <v>250</v>
      </c>
      <c r="K34" s="22">
        <v>304</v>
      </c>
    </row>
    <row r="35" spans="1:11" ht="20.100000000000001" customHeight="1">
      <c r="A35" s="20" t="s">
        <v>65</v>
      </c>
      <c r="B35" s="20"/>
      <c r="C35" s="16">
        <v>689</v>
      </c>
      <c r="D35" s="17">
        <v>334</v>
      </c>
      <c r="E35" s="17">
        <v>355</v>
      </c>
      <c r="F35" s="17"/>
      <c r="G35" s="21" t="s">
        <v>66</v>
      </c>
      <c r="H35" s="20"/>
      <c r="I35" s="16">
        <v>2240</v>
      </c>
      <c r="J35" s="17">
        <v>962</v>
      </c>
      <c r="K35" s="17">
        <v>1278</v>
      </c>
    </row>
    <row r="36" spans="1:11" ht="15" customHeight="1">
      <c r="A36" s="20" t="s">
        <v>67</v>
      </c>
      <c r="B36" s="20"/>
      <c r="C36" s="16">
        <v>141</v>
      </c>
      <c r="D36" s="22">
        <v>68</v>
      </c>
      <c r="E36" s="22">
        <v>73</v>
      </c>
      <c r="F36" s="22"/>
      <c r="G36" s="21" t="s">
        <v>68</v>
      </c>
      <c r="H36" s="20"/>
      <c r="I36" s="16">
        <v>583</v>
      </c>
      <c r="J36" s="22">
        <v>251</v>
      </c>
      <c r="K36" s="22">
        <v>332</v>
      </c>
    </row>
    <row r="37" spans="1:11" ht="15" customHeight="1">
      <c r="A37" s="20" t="s">
        <v>69</v>
      </c>
      <c r="B37" s="20"/>
      <c r="C37" s="16">
        <v>173</v>
      </c>
      <c r="D37" s="22">
        <v>85</v>
      </c>
      <c r="E37" s="22">
        <v>88</v>
      </c>
      <c r="F37" s="22"/>
      <c r="G37" s="21" t="s">
        <v>70</v>
      </c>
      <c r="H37" s="20"/>
      <c r="I37" s="16">
        <v>411</v>
      </c>
      <c r="J37" s="22">
        <v>158</v>
      </c>
      <c r="K37" s="22">
        <v>253</v>
      </c>
    </row>
    <row r="38" spans="1:11" ht="15" customHeight="1">
      <c r="A38" s="20" t="s">
        <v>71</v>
      </c>
      <c r="B38" s="20"/>
      <c r="C38" s="16">
        <v>121</v>
      </c>
      <c r="D38" s="22">
        <v>56</v>
      </c>
      <c r="E38" s="22">
        <v>65</v>
      </c>
      <c r="F38" s="22"/>
      <c r="G38" s="21" t="s">
        <v>72</v>
      </c>
      <c r="H38" s="20"/>
      <c r="I38" s="16">
        <v>349</v>
      </c>
      <c r="J38" s="22">
        <v>159</v>
      </c>
      <c r="K38" s="22">
        <v>190</v>
      </c>
    </row>
    <row r="39" spans="1:11" ht="15" customHeight="1">
      <c r="A39" s="20" t="s">
        <v>73</v>
      </c>
      <c r="B39" s="20"/>
      <c r="C39" s="16">
        <v>124</v>
      </c>
      <c r="D39" s="22">
        <v>71</v>
      </c>
      <c r="E39" s="22">
        <v>53</v>
      </c>
      <c r="F39" s="22"/>
      <c r="G39" s="21" t="s">
        <v>74</v>
      </c>
      <c r="H39" s="20"/>
      <c r="I39" s="16">
        <v>429</v>
      </c>
      <c r="J39" s="22">
        <v>185</v>
      </c>
      <c r="K39" s="22">
        <v>244</v>
      </c>
    </row>
    <row r="40" spans="1:11" ht="15" customHeight="1">
      <c r="A40" s="20" t="s">
        <v>75</v>
      </c>
      <c r="B40" s="20"/>
      <c r="C40" s="16">
        <v>130</v>
      </c>
      <c r="D40" s="22">
        <v>54</v>
      </c>
      <c r="E40" s="22">
        <v>76</v>
      </c>
      <c r="F40" s="22"/>
      <c r="G40" s="21" t="s">
        <v>76</v>
      </c>
      <c r="H40" s="20"/>
      <c r="I40" s="16">
        <v>468</v>
      </c>
      <c r="J40" s="22">
        <v>209</v>
      </c>
      <c r="K40" s="22">
        <v>259</v>
      </c>
    </row>
    <row r="41" spans="1:11" ht="20.100000000000001" customHeight="1">
      <c r="A41" s="20" t="s">
        <v>77</v>
      </c>
      <c r="B41" s="20"/>
      <c r="C41" s="16">
        <v>749</v>
      </c>
      <c r="D41" s="17">
        <v>343</v>
      </c>
      <c r="E41" s="17">
        <v>406</v>
      </c>
      <c r="F41" s="17"/>
      <c r="G41" s="21" t="s">
        <v>78</v>
      </c>
      <c r="H41" s="20"/>
      <c r="I41" s="16">
        <v>1759</v>
      </c>
      <c r="J41" s="17">
        <v>730</v>
      </c>
      <c r="K41" s="17">
        <v>1029</v>
      </c>
    </row>
    <row r="42" spans="1:11" ht="15" customHeight="1">
      <c r="A42" s="20" t="s">
        <v>79</v>
      </c>
      <c r="B42" s="20"/>
      <c r="C42" s="16">
        <v>136</v>
      </c>
      <c r="D42" s="22">
        <v>58</v>
      </c>
      <c r="E42" s="22">
        <v>78</v>
      </c>
      <c r="F42" s="22"/>
      <c r="G42" s="21" t="s">
        <v>80</v>
      </c>
      <c r="H42" s="20"/>
      <c r="I42" s="16">
        <v>411</v>
      </c>
      <c r="J42" s="22">
        <v>184</v>
      </c>
      <c r="K42" s="22">
        <v>227</v>
      </c>
    </row>
    <row r="43" spans="1:11" ht="15" customHeight="1">
      <c r="A43" s="20" t="s">
        <v>81</v>
      </c>
      <c r="B43" s="20"/>
      <c r="C43" s="16">
        <v>111</v>
      </c>
      <c r="D43" s="22">
        <v>39</v>
      </c>
      <c r="E43" s="22">
        <v>72</v>
      </c>
      <c r="F43" s="22"/>
      <c r="G43" s="21" t="s">
        <v>82</v>
      </c>
      <c r="H43" s="20"/>
      <c r="I43" s="16">
        <v>417</v>
      </c>
      <c r="J43" s="22">
        <v>169</v>
      </c>
      <c r="K43" s="22">
        <v>248</v>
      </c>
    </row>
    <row r="44" spans="1:11" ht="15" customHeight="1">
      <c r="A44" s="20" t="s">
        <v>83</v>
      </c>
      <c r="B44" s="20"/>
      <c r="C44" s="16">
        <v>170</v>
      </c>
      <c r="D44" s="22">
        <v>81</v>
      </c>
      <c r="E44" s="22">
        <v>89</v>
      </c>
      <c r="F44" s="22"/>
      <c r="G44" s="21" t="s">
        <v>84</v>
      </c>
      <c r="H44" s="20"/>
      <c r="I44" s="16">
        <v>353</v>
      </c>
      <c r="J44" s="22">
        <v>146</v>
      </c>
      <c r="K44" s="22">
        <v>207</v>
      </c>
    </row>
    <row r="45" spans="1:11" ht="15" customHeight="1">
      <c r="A45" s="20" t="s">
        <v>85</v>
      </c>
      <c r="B45" s="20"/>
      <c r="C45" s="16">
        <v>161</v>
      </c>
      <c r="D45" s="22">
        <v>85</v>
      </c>
      <c r="E45" s="22">
        <v>76</v>
      </c>
      <c r="F45" s="22"/>
      <c r="G45" s="21" t="s">
        <v>86</v>
      </c>
      <c r="H45" s="20"/>
      <c r="I45" s="16">
        <v>279</v>
      </c>
      <c r="J45" s="22">
        <v>117</v>
      </c>
      <c r="K45" s="22">
        <v>162</v>
      </c>
    </row>
    <row r="46" spans="1:11" ht="15" customHeight="1">
      <c r="A46" s="20" t="s">
        <v>87</v>
      </c>
      <c r="B46" s="20"/>
      <c r="C46" s="16">
        <v>171</v>
      </c>
      <c r="D46" s="22">
        <v>80</v>
      </c>
      <c r="E46" s="22">
        <v>91</v>
      </c>
      <c r="F46" s="22"/>
      <c r="G46" s="21" t="s">
        <v>88</v>
      </c>
      <c r="H46" s="20"/>
      <c r="I46" s="16">
        <v>299</v>
      </c>
      <c r="J46" s="22">
        <v>114</v>
      </c>
      <c r="K46" s="22">
        <v>185</v>
      </c>
    </row>
    <row r="47" spans="1:11" ht="20.100000000000001" customHeight="1">
      <c r="A47" s="20" t="s">
        <v>89</v>
      </c>
      <c r="B47" s="20"/>
      <c r="C47" s="16">
        <v>1252</v>
      </c>
      <c r="D47" s="17">
        <v>545</v>
      </c>
      <c r="E47" s="17">
        <v>707</v>
      </c>
      <c r="F47" s="17"/>
      <c r="G47" s="21" t="s">
        <v>90</v>
      </c>
      <c r="H47" s="20"/>
      <c r="I47" s="16">
        <v>1205</v>
      </c>
      <c r="J47" s="17">
        <v>493</v>
      </c>
      <c r="K47" s="17">
        <v>712</v>
      </c>
    </row>
    <row r="48" spans="1:11" ht="15" customHeight="1">
      <c r="A48" s="20" t="s">
        <v>91</v>
      </c>
      <c r="B48" s="20"/>
      <c r="C48" s="16">
        <v>190</v>
      </c>
      <c r="D48" s="22">
        <v>83</v>
      </c>
      <c r="E48" s="22">
        <v>107</v>
      </c>
      <c r="F48" s="22"/>
      <c r="G48" s="21" t="s">
        <v>92</v>
      </c>
      <c r="H48" s="20"/>
      <c r="I48" s="16">
        <v>281</v>
      </c>
      <c r="J48" s="22">
        <v>127</v>
      </c>
      <c r="K48" s="22">
        <v>154</v>
      </c>
    </row>
    <row r="49" spans="1:11" ht="15" customHeight="1">
      <c r="A49" s="20" t="s">
        <v>93</v>
      </c>
      <c r="B49" s="20"/>
      <c r="C49" s="16">
        <v>229</v>
      </c>
      <c r="D49" s="22">
        <v>102</v>
      </c>
      <c r="E49" s="22">
        <v>127</v>
      </c>
      <c r="F49" s="22"/>
      <c r="G49" s="21" t="s">
        <v>94</v>
      </c>
      <c r="H49" s="20"/>
      <c r="I49" s="16">
        <v>269</v>
      </c>
      <c r="J49" s="22">
        <v>108</v>
      </c>
      <c r="K49" s="22">
        <v>161</v>
      </c>
    </row>
    <row r="50" spans="1:11" ht="15" customHeight="1">
      <c r="A50" s="20" t="s">
        <v>95</v>
      </c>
      <c r="B50" s="20"/>
      <c r="C50" s="16">
        <v>241</v>
      </c>
      <c r="D50" s="22">
        <v>96</v>
      </c>
      <c r="E50" s="22">
        <v>145</v>
      </c>
      <c r="F50" s="22"/>
      <c r="G50" s="21" t="s">
        <v>96</v>
      </c>
      <c r="H50" s="20"/>
      <c r="I50" s="16">
        <v>250</v>
      </c>
      <c r="J50" s="22">
        <v>102</v>
      </c>
      <c r="K50" s="22">
        <v>148</v>
      </c>
    </row>
    <row r="51" spans="1:11" ht="15" customHeight="1">
      <c r="A51" s="20" t="s">
        <v>97</v>
      </c>
      <c r="B51" s="20"/>
      <c r="C51" s="16">
        <v>285</v>
      </c>
      <c r="D51" s="22">
        <v>132</v>
      </c>
      <c r="E51" s="22">
        <v>153</v>
      </c>
      <c r="F51" s="22"/>
      <c r="G51" s="21" t="s">
        <v>98</v>
      </c>
      <c r="H51" s="20"/>
      <c r="I51" s="16">
        <v>223</v>
      </c>
      <c r="J51" s="22">
        <v>95</v>
      </c>
      <c r="K51" s="22">
        <v>128</v>
      </c>
    </row>
    <row r="52" spans="1:11" ht="15" customHeight="1">
      <c r="A52" s="20" t="s">
        <v>99</v>
      </c>
      <c r="B52" s="20"/>
      <c r="C52" s="16">
        <v>307</v>
      </c>
      <c r="D52" s="22">
        <v>132</v>
      </c>
      <c r="E52" s="22">
        <v>175</v>
      </c>
      <c r="F52" s="22"/>
      <c r="G52" s="21" t="s">
        <v>100</v>
      </c>
      <c r="H52" s="20"/>
      <c r="I52" s="16">
        <v>182</v>
      </c>
      <c r="J52" s="22">
        <v>61</v>
      </c>
      <c r="K52" s="22">
        <v>121</v>
      </c>
    </row>
    <row r="53" spans="1:11" ht="20.100000000000001" customHeight="1">
      <c r="A53" s="20" t="s">
        <v>101</v>
      </c>
      <c r="B53" s="20"/>
      <c r="C53" s="16">
        <v>1997</v>
      </c>
      <c r="D53" s="17">
        <v>921</v>
      </c>
      <c r="E53" s="17">
        <v>1076</v>
      </c>
      <c r="F53" s="17"/>
      <c r="G53" s="21" t="s">
        <v>102</v>
      </c>
      <c r="H53" s="20"/>
      <c r="I53" s="16">
        <v>576</v>
      </c>
      <c r="J53" s="17">
        <v>208</v>
      </c>
      <c r="K53" s="17">
        <v>368</v>
      </c>
    </row>
    <row r="54" spans="1:11" ht="15" customHeight="1">
      <c r="A54" s="20" t="s">
        <v>103</v>
      </c>
      <c r="B54" s="20"/>
      <c r="C54" s="16">
        <v>358</v>
      </c>
      <c r="D54" s="22">
        <v>162</v>
      </c>
      <c r="E54" s="22">
        <v>196</v>
      </c>
      <c r="F54" s="22"/>
      <c r="G54" s="21" t="s">
        <v>104</v>
      </c>
      <c r="H54" s="20"/>
      <c r="I54" s="16">
        <v>153</v>
      </c>
      <c r="J54" s="22">
        <v>55</v>
      </c>
      <c r="K54" s="22">
        <v>98</v>
      </c>
    </row>
    <row r="55" spans="1:11" ht="15" customHeight="1">
      <c r="A55" s="20" t="s">
        <v>105</v>
      </c>
      <c r="B55" s="20"/>
      <c r="C55" s="16">
        <v>354</v>
      </c>
      <c r="D55" s="22">
        <v>161</v>
      </c>
      <c r="E55" s="22">
        <v>193</v>
      </c>
      <c r="F55" s="22"/>
      <c r="G55" s="21" t="s">
        <v>106</v>
      </c>
      <c r="H55" s="20"/>
      <c r="I55" s="16">
        <v>136</v>
      </c>
      <c r="J55" s="22">
        <v>48</v>
      </c>
      <c r="K55" s="22">
        <v>88</v>
      </c>
    </row>
    <row r="56" spans="1:11" ht="15" customHeight="1">
      <c r="A56" s="20" t="s">
        <v>107</v>
      </c>
      <c r="B56" s="20"/>
      <c r="C56" s="16">
        <v>406</v>
      </c>
      <c r="D56" s="22">
        <v>189</v>
      </c>
      <c r="E56" s="22">
        <v>217</v>
      </c>
      <c r="F56" s="22"/>
      <c r="G56" s="21" t="s">
        <v>108</v>
      </c>
      <c r="H56" s="20"/>
      <c r="I56" s="16">
        <v>114</v>
      </c>
      <c r="J56" s="22">
        <v>52</v>
      </c>
      <c r="K56" s="22">
        <v>62</v>
      </c>
    </row>
    <row r="57" spans="1:11" ht="15" customHeight="1">
      <c r="A57" s="20" t="s">
        <v>109</v>
      </c>
      <c r="B57" s="20"/>
      <c r="C57" s="16">
        <v>466</v>
      </c>
      <c r="D57" s="22">
        <v>235</v>
      </c>
      <c r="E57" s="22">
        <v>231</v>
      </c>
      <c r="F57" s="22"/>
      <c r="G57" s="21" t="s">
        <v>110</v>
      </c>
      <c r="H57" s="20"/>
      <c r="I57" s="16">
        <v>100</v>
      </c>
      <c r="J57" s="22">
        <v>31</v>
      </c>
      <c r="K57" s="22">
        <v>69</v>
      </c>
    </row>
    <row r="58" spans="1:11" ht="15" customHeight="1">
      <c r="A58" s="20" t="s">
        <v>111</v>
      </c>
      <c r="B58" s="20"/>
      <c r="C58" s="16">
        <v>413</v>
      </c>
      <c r="D58" s="22">
        <v>174</v>
      </c>
      <c r="E58" s="22">
        <v>239</v>
      </c>
      <c r="F58" s="22"/>
      <c r="G58" s="21" t="s">
        <v>112</v>
      </c>
      <c r="H58" s="20"/>
      <c r="I58" s="16">
        <v>73</v>
      </c>
      <c r="J58" s="22">
        <v>22</v>
      </c>
      <c r="K58" s="22">
        <v>51</v>
      </c>
    </row>
    <row r="59" spans="1:11" ht="20.100000000000001" customHeight="1">
      <c r="A59" s="20" t="s">
        <v>113</v>
      </c>
      <c r="B59" s="20"/>
      <c r="C59" s="16">
        <v>2637</v>
      </c>
      <c r="D59" s="17">
        <v>1266</v>
      </c>
      <c r="E59" s="17">
        <v>1371</v>
      </c>
      <c r="F59" s="17"/>
      <c r="G59" s="21" t="s">
        <v>114</v>
      </c>
      <c r="H59" s="20"/>
      <c r="I59" s="16">
        <v>236</v>
      </c>
      <c r="J59" s="17">
        <v>37</v>
      </c>
      <c r="K59" s="17">
        <v>199</v>
      </c>
    </row>
    <row r="60" spans="1:11" ht="15" customHeight="1">
      <c r="A60" s="20" t="s">
        <v>115</v>
      </c>
      <c r="B60" s="20"/>
      <c r="C60" s="16">
        <v>455</v>
      </c>
      <c r="D60" s="22">
        <v>216</v>
      </c>
      <c r="E60" s="22">
        <v>239</v>
      </c>
      <c r="F60" s="22"/>
      <c r="G60" s="21" t="s">
        <v>116</v>
      </c>
      <c r="H60" s="20"/>
      <c r="I60" s="16">
        <v>76</v>
      </c>
      <c r="J60" s="22">
        <v>13</v>
      </c>
      <c r="K60" s="22">
        <v>63</v>
      </c>
    </row>
    <row r="61" spans="1:11" ht="15" customHeight="1">
      <c r="A61" s="20" t="s">
        <v>117</v>
      </c>
      <c r="B61" s="20"/>
      <c r="C61" s="16">
        <v>502</v>
      </c>
      <c r="D61" s="22">
        <v>244</v>
      </c>
      <c r="E61" s="22">
        <v>258</v>
      </c>
      <c r="F61" s="22"/>
      <c r="G61" s="21" t="s">
        <v>118</v>
      </c>
      <c r="H61" s="20"/>
      <c r="I61" s="16">
        <v>54</v>
      </c>
      <c r="J61" s="22">
        <v>7</v>
      </c>
      <c r="K61" s="22">
        <v>47</v>
      </c>
    </row>
    <row r="62" spans="1:11" ht="15" customHeight="1">
      <c r="A62" s="20" t="s">
        <v>119</v>
      </c>
      <c r="B62" s="20"/>
      <c r="C62" s="16">
        <v>522</v>
      </c>
      <c r="D62" s="22">
        <v>249</v>
      </c>
      <c r="E62" s="22">
        <v>273</v>
      </c>
      <c r="F62" s="22"/>
      <c r="G62" s="21" t="s">
        <v>120</v>
      </c>
      <c r="H62" s="20"/>
      <c r="I62" s="16">
        <v>57</v>
      </c>
      <c r="J62" s="22">
        <v>12</v>
      </c>
      <c r="K62" s="22">
        <v>45</v>
      </c>
    </row>
    <row r="63" spans="1:11" ht="15" customHeight="1">
      <c r="A63" s="20" t="s">
        <v>121</v>
      </c>
      <c r="B63" s="20"/>
      <c r="C63" s="16">
        <v>542</v>
      </c>
      <c r="D63" s="22">
        <v>268</v>
      </c>
      <c r="E63" s="22">
        <v>274</v>
      </c>
      <c r="F63" s="22"/>
      <c r="G63" s="21" t="s">
        <v>122</v>
      </c>
      <c r="H63" s="20"/>
      <c r="I63" s="16">
        <v>25</v>
      </c>
      <c r="J63" s="22">
        <v>3</v>
      </c>
      <c r="K63" s="22">
        <v>22</v>
      </c>
    </row>
    <row r="64" spans="1:11" ht="15" customHeight="1">
      <c r="A64" s="20" t="s">
        <v>123</v>
      </c>
      <c r="B64" s="20"/>
      <c r="C64" s="16">
        <v>616</v>
      </c>
      <c r="D64" s="22">
        <v>289</v>
      </c>
      <c r="E64" s="22">
        <v>327</v>
      </c>
      <c r="F64" s="22"/>
      <c r="G64" s="21" t="s">
        <v>124</v>
      </c>
      <c r="H64" s="20"/>
      <c r="I64" s="16">
        <v>24</v>
      </c>
      <c r="J64" s="22">
        <v>2</v>
      </c>
      <c r="K64" s="22">
        <v>22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50</v>
      </c>
      <c r="J65" s="22">
        <v>8</v>
      </c>
      <c r="K65" s="22">
        <v>42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483</v>
      </c>
      <c r="J66" s="32">
        <v>280</v>
      </c>
      <c r="K66" s="32">
        <v>203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5"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89</v>
      </c>
      <c r="B2" s="7"/>
      <c r="C2" s="9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590272</v>
      </c>
      <c r="D4" s="17">
        <v>797828</v>
      </c>
      <c r="E4" s="17">
        <v>792444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53550</v>
      </c>
      <c r="D5" s="17">
        <v>27297</v>
      </c>
      <c r="E5" s="17">
        <v>26253</v>
      </c>
      <c r="F5" s="17"/>
      <c r="G5" s="21" t="s">
        <v>6</v>
      </c>
      <c r="H5" s="20"/>
      <c r="I5" s="16">
        <v>131052</v>
      </c>
      <c r="J5" s="17">
        <v>68664</v>
      </c>
      <c r="K5" s="17">
        <v>62388</v>
      </c>
    </row>
    <row r="6" spans="1:11" ht="15" customHeight="1">
      <c r="A6" s="20" t="s">
        <v>7</v>
      </c>
      <c r="B6" s="20"/>
      <c r="C6" s="16">
        <v>10087</v>
      </c>
      <c r="D6" s="22">
        <v>5161</v>
      </c>
      <c r="E6" s="22">
        <v>4926</v>
      </c>
      <c r="F6" s="22"/>
      <c r="G6" s="21" t="s">
        <v>8</v>
      </c>
      <c r="H6" s="20"/>
      <c r="I6" s="16">
        <v>27374</v>
      </c>
      <c r="J6" s="22">
        <v>14243</v>
      </c>
      <c r="K6" s="22">
        <v>13131</v>
      </c>
    </row>
    <row r="7" spans="1:11" ht="15" customHeight="1">
      <c r="A7" s="20" t="s">
        <v>9</v>
      </c>
      <c r="B7" s="20"/>
      <c r="C7" s="16">
        <v>10712</v>
      </c>
      <c r="D7" s="22">
        <v>5452</v>
      </c>
      <c r="E7" s="22">
        <v>5260</v>
      </c>
      <c r="F7" s="22"/>
      <c r="G7" s="21" t="s">
        <v>10</v>
      </c>
      <c r="H7" s="20"/>
      <c r="I7" s="16">
        <v>27237</v>
      </c>
      <c r="J7" s="22">
        <v>14283</v>
      </c>
      <c r="K7" s="22">
        <v>12954</v>
      </c>
    </row>
    <row r="8" spans="1:11" ht="15" customHeight="1">
      <c r="A8" s="20" t="s">
        <v>11</v>
      </c>
      <c r="B8" s="20"/>
      <c r="C8" s="16">
        <v>10556</v>
      </c>
      <c r="D8" s="22">
        <v>5374</v>
      </c>
      <c r="E8" s="22">
        <v>5182</v>
      </c>
      <c r="F8" s="22"/>
      <c r="G8" s="21" t="s">
        <v>12</v>
      </c>
      <c r="H8" s="20"/>
      <c r="I8" s="16">
        <v>26400</v>
      </c>
      <c r="J8" s="22">
        <v>13875</v>
      </c>
      <c r="K8" s="22">
        <v>12525</v>
      </c>
    </row>
    <row r="9" spans="1:11" ht="15" customHeight="1">
      <c r="A9" s="20" t="s">
        <v>13</v>
      </c>
      <c r="B9" s="20"/>
      <c r="C9" s="16">
        <v>10931</v>
      </c>
      <c r="D9" s="22">
        <v>5563</v>
      </c>
      <c r="E9" s="22">
        <v>5368</v>
      </c>
      <c r="F9" s="22"/>
      <c r="G9" s="21" t="s">
        <v>14</v>
      </c>
      <c r="H9" s="20"/>
      <c r="I9" s="16">
        <v>25423</v>
      </c>
      <c r="J9" s="22">
        <v>13325</v>
      </c>
      <c r="K9" s="22">
        <v>12098</v>
      </c>
    </row>
    <row r="10" spans="1:11" ht="15" customHeight="1">
      <c r="A10" s="20" t="s">
        <v>15</v>
      </c>
      <c r="B10" s="20"/>
      <c r="C10" s="16">
        <v>11264</v>
      </c>
      <c r="D10" s="22">
        <v>5747</v>
      </c>
      <c r="E10" s="22">
        <v>5517</v>
      </c>
      <c r="F10" s="22"/>
      <c r="G10" s="21" t="s">
        <v>16</v>
      </c>
      <c r="H10" s="20"/>
      <c r="I10" s="16">
        <v>24618</v>
      </c>
      <c r="J10" s="22">
        <v>12938</v>
      </c>
      <c r="K10" s="22">
        <v>11680</v>
      </c>
    </row>
    <row r="11" spans="1:11" ht="20.100000000000001" customHeight="1">
      <c r="A11" s="20" t="s">
        <v>17</v>
      </c>
      <c r="B11" s="20"/>
      <c r="C11" s="16">
        <v>60450</v>
      </c>
      <c r="D11" s="17">
        <v>30870</v>
      </c>
      <c r="E11" s="17">
        <v>29580</v>
      </c>
      <c r="F11" s="17"/>
      <c r="G11" s="21" t="s">
        <v>18</v>
      </c>
      <c r="H11" s="20"/>
      <c r="I11" s="16">
        <v>107493</v>
      </c>
      <c r="J11" s="17">
        <v>56114</v>
      </c>
      <c r="K11" s="17">
        <v>51379</v>
      </c>
    </row>
    <row r="12" spans="1:11" ht="15" customHeight="1">
      <c r="A12" s="20" t="s">
        <v>19</v>
      </c>
      <c r="B12" s="20"/>
      <c r="C12" s="16">
        <v>11455</v>
      </c>
      <c r="D12" s="22">
        <v>5800</v>
      </c>
      <c r="E12" s="22">
        <v>5655</v>
      </c>
      <c r="F12" s="22"/>
      <c r="G12" s="21" t="s">
        <v>20</v>
      </c>
      <c r="H12" s="20"/>
      <c r="I12" s="16">
        <v>25484</v>
      </c>
      <c r="J12" s="22">
        <v>13227</v>
      </c>
      <c r="K12" s="22">
        <v>12257</v>
      </c>
    </row>
    <row r="13" spans="1:11" ht="15" customHeight="1">
      <c r="A13" s="20" t="s">
        <v>21</v>
      </c>
      <c r="B13" s="20"/>
      <c r="C13" s="16">
        <v>11737</v>
      </c>
      <c r="D13" s="22">
        <v>5996</v>
      </c>
      <c r="E13" s="22">
        <v>5741</v>
      </c>
      <c r="F13" s="22"/>
      <c r="G13" s="21" t="s">
        <v>22</v>
      </c>
      <c r="H13" s="20"/>
      <c r="I13" s="16">
        <v>18453</v>
      </c>
      <c r="J13" s="22">
        <v>9621</v>
      </c>
      <c r="K13" s="22">
        <v>8832</v>
      </c>
    </row>
    <row r="14" spans="1:11" ht="15" customHeight="1">
      <c r="A14" s="20" t="s">
        <v>23</v>
      </c>
      <c r="B14" s="20"/>
      <c r="C14" s="16">
        <v>12265</v>
      </c>
      <c r="D14" s="22">
        <v>6346</v>
      </c>
      <c r="E14" s="22">
        <v>5919</v>
      </c>
      <c r="F14" s="22"/>
      <c r="G14" s="21" t="s">
        <v>24</v>
      </c>
      <c r="H14" s="20"/>
      <c r="I14" s="16">
        <v>23207</v>
      </c>
      <c r="J14" s="22">
        <v>12151</v>
      </c>
      <c r="K14" s="22">
        <v>11056</v>
      </c>
    </row>
    <row r="15" spans="1:11" ht="15" customHeight="1">
      <c r="A15" s="20" t="s">
        <v>25</v>
      </c>
      <c r="B15" s="20"/>
      <c r="C15" s="16">
        <v>12395</v>
      </c>
      <c r="D15" s="22">
        <v>6215</v>
      </c>
      <c r="E15" s="22">
        <v>6180</v>
      </c>
      <c r="F15" s="22"/>
      <c r="G15" s="21" t="s">
        <v>26</v>
      </c>
      <c r="H15" s="20"/>
      <c r="I15" s="16">
        <v>20779</v>
      </c>
      <c r="J15" s="22">
        <v>10890</v>
      </c>
      <c r="K15" s="22">
        <v>9889</v>
      </c>
    </row>
    <row r="16" spans="1:11" ht="15" customHeight="1">
      <c r="A16" s="20" t="s">
        <v>27</v>
      </c>
      <c r="B16" s="20"/>
      <c r="C16" s="16">
        <v>12598</v>
      </c>
      <c r="D16" s="22">
        <v>6513</v>
      </c>
      <c r="E16" s="22">
        <v>6085</v>
      </c>
      <c r="F16" s="22"/>
      <c r="G16" s="21" t="s">
        <v>28</v>
      </c>
      <c r="H16" s="20"/>
      <c r="I16" s="16">
        <v>19570</v>
      </c>
      <c r="J16" s="22">
        <v>10225</v>
      </c>
      <c r="K16" s="22">
        <v>9345</v>
      </c>
    </row>
    <row r="17" spans="1:11" ht="20.100000000000001" customHeight="1">
      <c r="A17" s="24" t="s">
        <v>29</v>
      </c>
      <c r="B17" s="24"/>
      <c r="C17" s="16">
        <v>65899</v>
      </c>
      <c r="D17" s="17">
        <v>33685</v>
      </c>
      <c r="E17" s="17">
        <v>32214</v>
      </c>
      <c r="F17" s="17"/>
      <c r="G17" s="21" t="s">
        <v>30</v>
      </c>
      <c r="H17" s="20"/>
      <c r="I17" s="16">
        <v>86188</v>
      </c>
      <c r="J17" s="17">
        <v>44139</v>
      </c>
      <c r="K17" s="17">
        <v>42049</v>
      </c>
    </row>
    <row r="18" spans="1:11" ht="15" customHeight="1">
      <c r="A18" s="20" t="s">
        <v>31</v>
      </c>
      <c r="B18" s="20"/>
      <c r="C18" s="16">
        <v>12664</v>
      </c>
      <c r="D18" s="22">
        <v>6475</v>
      </c>
      <c r="E18" s="22">
        <v>6189</v>
      </c>
      <c r="F18" s="22"/>
      <c r="G18" s="21" t="s">
        <v>32</v>
      </c>
      <c r="H18" s="20"/>
      <c r="I18" s="16">
        <v>18378</v>
      </c>
      <c r="J18" s="22">
        <v>9509</v>
      </c>
      <c r="K18" s="22">
        <v>8869</v>
      </c>
    </row>
    <row r="19" spans="1:11" ht="15" customHeight="1">
      <c r="A19" s="20" t="s">
        <v>33</v>
      </c>
      <c r="B19" s="20"/>
      <c r="C19" s="16">
        <v>12958</v>
      </c>
      <c r="D19" s="22">
        <v>6673</v>
      </c>
      <c r="E19" s="22">
        <v>6285</v>
      </c>
      <c r="F19" s="22"/>
      <c r="G19" s="21" t="s">
        <v>34</v>
      </c>
      <c r="H19" s="20"/>
      <c r="I19" s="16">
        <v>17507</v>
      </c>
      <c r="J19" s="22">
        <v>9060</v>
      </c>
      <c r="K19" s="22">
        <v>8447</v>
      </c>
    </row>
    <row r="20" spans="1:11" ht="15" customHeight="1">
      <c r="A20" s="20" t="s">
        <v>35</v>
      </c>
      <c r="B20" s="20"/>
      <c r="C20" s="16">
        <v>13338</v>
      </c>
      <c r="D20" s="22">
        <v>6770</v>
      </c>
      <c r="E20" s="22">
        <v>6568</v>
      </c>
      <c r="F20" s="22"/>
      <c r="G20" s="21" t="s">
        <v>36</v>
      </c>
      <c r="H20" s="20"/>
      <c r="I20" s="16">
        <v>17193</v>
      </c>
      <c r="J20" s="22">
        <v>8698</v>
      </c>
      <c r="K20" s="22">
        <v>8495</v>
      </c>
    </row>
    <row r="21" spans="1:11" ht="15" customHeight="1">
      <c r="A21" s="20" t="s">
        <v>37</v>
      </c>
      <c r="B21" s="20"/>
      <c r="C21" s="16">
        <v>13279</v>
      </c>
      <c r="D21" s="22">
        <v>6811</v>
      </c>
      <c r="E21" s="22">
        <v>6468</v>
      </c>
      <c r="F21" s="22"/>
      <c r="G21" s="21" t="s">
        <v>38</v>
      </c>
      <c r="H21" s="20"/>
      <c r="I21" s="16">
        <v>16680</v>
      </c>
      <c r="J21" s="22">
        <v>8558</v>
      </c>
      <c r="K21" s="22">
        <v>8122</v>
      </c>
    </row>
    <row r="22" spans="1:11" ht="15" customHeight="1">
      <c r="A22" s="20" t="s">
        <v>39</v>
      </c>
      <c r="B22" s="20"/>
      <c r="C22" s="16">
        <v>13660</v>
      </c>
      <c r="D22" s="22">
        <v>6956</v>
      </c>
      <c r="E22" s="22">
        <v>6704</v>
      </c>
      <c r="F22" s="22"/>
      <c r="G22" s="21" t="s">
        <v>40</v>
      </c>
      <c r="H22" s="20"/>
      <c r="I22" s="16">
        <v>16430</v>
      </c>
      <c r="J22" s="22">
        <v>8314</v>
      </c>
      <c r="K22" s="22">
        <v>8116</v>
      </c>
    </row>
    <row r="23" spans="1:11" ht="20.100000000000001" customHeight="1">
      <c r="A23" s="20" t="s">
        <v>41</v>
      </c>
      <c r="B23" s="20"/>
      <c r="C23" s="16">
        <v>68866</v>
      </c>
      <c r="D23" s="17">
        <v>35323</v>
      </c>
      <c r="E23" s="17">
        <v>33543</v>
      </c>
      <c r="F23" s="17"/>
      <c r="G23" s="21" t="s">
        <v>42</v>
      </c>
      <c r="H23" s="20"/>
      <c r="I23" s="16">
        <v>81291</v>
      </c>
      <c r="J23" s="17">
        <v>40400</v>
      </c>
      <c r="K23" s="17">
        <v>40891</v>
      </c>
    </row>
    <row r="24" spans="1:11" ht="15" customHeight="1">
      <c r="A24" s="20" t="s">
        <v>43</v>
      </c>
      <c r="B24" s="20"/>
      <c r="C24" s="16">
        <v>13585</v>
      </c>
      <c r="D24" s="22">
        <v>7012</v>
      </c>
      <c r="E24" s="22">
        <v>6573</v>
      </c>
      <c r="F24" s="22"/>
      <c r="G24" s="21" t="s">
        <v>44</v>
      </c>
      <c r="H24" s="20"/>
      <c r="I24" s="16">
        <v>15389</v>
      </c>
      <c r="J24" s="22">
        <v>7817</v>
      </c>
      <c r="K24" s="22">
        <v>7572</v>
      </c>
    </row>
    <row r="25" spans="1:11" ht="15" customHeight="1">
      <c r="A25" s="20" t="s">
        <v>45</v>
      </c>
      <c r="B25" s="20"/>
      <c r="C25" s="16">
        <v>13590</v>
      </c>
      <c r="D25" s="22">
        <v>6947</v>
      </c>
      <c r="E25" s="22">
        <v>6643</v>
      </c>
      <c r="F25" s="22"/>
      <c r="G25" s="21" t="s">
        <v>46</v>
      </c>
      <c r="H25" s="20"/>
      <c r="I25" s="16">
        <v>15810</v>
      </c>
      <c r="J25" s="22">
        <v>7901</v>
      </c>
      <c r="K25" s="22">
        <v>7909</v>
      </c>
    </row>
    <row r="26" spans="1:11" ht="15" customHeight="1">
      <c r="A26" s="20" t="s">
        <v>47</v>
      </c>
      <c r="B26" s="20"/>
      <c r="C26" s="16">
        <v>13245</v>
      </c>
      <c r="D26" s="22">
        <v>6766</v>
      </c>
      <c r="E26" s="22">
        <v>6479</v>
      </c>
      <c r="F26" s="22"/>
      <c r="G26" s="21" t="s">
        <v>48</v>
      </c>
      <c r="H26" s="20"/>
      <c r="I26" s="16">
        <v>16465</v>
      </c>
      <c r="J26" s="22">
        <v>8278</v>
      </c>
      <c r="K26" s="22">
        <v>8187</v>
      </c>
    </row>
    <row r="27" spans="1:11" ht="15" customHeight="1">
      <c r="A27" s="20" t="s">
        <v>49</v>
      </c>
      <c r="B27" s="20"/>
      <c r="C27" s="16">
        <v>13679</v>
      </c>
      <c r="D27" s="22">
        <v>7009</v>
      </c>
      <c r="E27" s="22">
        <v>6670</v>
      </c>
      <c r="F27" s="22"/>
      <c r="G27" s="21" t="s">
        <v>50</v>
      </c>
      <c r="H27" s="20"/>
      <c r="I27" s="16">
        <v>16629</v>
      </c>
      <c r="J27" s="22">
        <v>8157</v>
      </c>
      <c r="K27" s="22">
        <v>8472</v>
      </c>
    </row>
    <row r="28" spans="1:11" ht="15" customHeight="1">
      <c r="A28" s="20" t="s">
        <v>51</v>
      </c>
      <c r="B28" s="20"/>
      <c r="C28" s="16">
        <v>14767</v>
      </c>
      <c r="D28" s="22">
        <v>7589</v>
      </c>
      <c r="E28" s="22">
        <v>7178</v>
      </c>
      <c r="F28" s="22"/>
      <c r="G28" s="21" t="s">
        <v>52</v>
      </c>
      <c r="H28" s="20"/>
      <c r="I28" s="16">
        <v>16998</v>
      </c>
      <c r="J28" s="22">
        <v>8247</v>
      </c>
      <c r="K28" s="22">
        <v>8751</v>
      </c>
    </row>
    <row r="29" spans="1:11" ht="20.100000000000001" customHeight="1">
      <c r="A29" s="20" t="s">
        <v>53</v>
      </c>
      <c r="B29" s="20"/>
      <c r="C29" s="16">
        <v>85964</v>
      </c>
      <c r="D29" s="17">
        <v>43696</v>
      </c>
      <c r="E29" s="17">
        <v>42268</v>
      </c>
      <c r="F29" s="17"/>
      <c r="G29" s="21" t="s">
        <v>54</v>
      </c>
      <c r="H29" s="20"/>
      <c r="I29" s="16">
        <v>106044</v>
      </c>
      <c r="J29" s="17">
        <v>49755</v>
      </c>
      <c r="K29" s="17">
        <v>56289</v>
      </c>
    </row>
    <row r="30" spans="1:11" ht="15" customHeight="1">
      <c r="A30" s="20" t="s">
        <v>55</v>
      </c>
      <c r="B30" s="20"/>
      <c r="C30" s="16">
        <v>15522</v>
      </c>
      <c r="D30" s="22">
        <v>7854</v>
      </c>
      <c r="E30" s="22">
        <v>7668</v>
      </c>
      <c r="F30" s="22"/>
      <c r="G30" s="21" t="s">
        <v>56</v>
      </c>
      <c r="H30" s="20"/>
      <c r="I30" s="16">
        <v>18684</v>
      </c>
      <c r="J30" s="22">
        <v>8936</v>
      </c>
      <c r="K30" s="22">
        <v>9748</v>
      </c>
    </row>
    <row r="31" spans="1:11" ht="15" customHeight="1">
      <c r="A31" s="20" t="s">
        <v>57</v>
      </c>
      <c r="B31" s="20"/>
      <c r="C31" s="16">
        <v>17048</v>
      </c>
      <c r="D31" s="22">
        <v>8590</v>
      </c>
      <c r="E31" s="22">
        <v>8458</v>
      </c>
      <c r="F31" s="22"/>
      <c r="G31" s="21" t="s">
        <v>58</v>
      </c>
      <c r="H31" s="20"/>
      <c r="I31" s="16">
        <v>19470</v>
      </c>
      <c r="J31" s="22">
        <v>9371</v>
      </c>
      <c r="K31" s="22">
        <v>10099</v>
      </c>
    </row>
    <row r="32" spans="1:11" ht="15" customHeight="1">
      <c r="A32" s="20" t="s">
        <v>59</v>
      </c>
      <c r="B32" s="20"/>
      <c r="C32" s="16">
        <v>17786</v>
      </c>
      <c r="D32" s="22">
        <v>9043</v>
      </c>
      <c r="E32" s="22">
        <v>8743</v>
      </c>
      <c r="F32" s="22"/>
      <c r="G32" s="21" t="s">
        <v>60</v>
      </c>
      <c r="H32" s="20"/>
      <c r="I32" s="16">
        <v>20980</v>
      </c>
      <c r="J32" s="22">
        <v>9801</v>
      </c>
      <c r="K32" s="22">
        <v>11179</v>
      </c>
    </row>
    <row r="33" spans="1:11" ht="15" customHeight="1">
      <c r="A33" s="20" t="s">
        <v>61</v>
      </c>
      <c r="B33" s="20"/>
      <c r="C33" s="16">
        <v>17809</v>
      </c>
      <c r="D33" s="22">
        <v>9045</v>
      </c>
      <c r="E33" s="22">
        <v>8764</v>
      </c>
      <c r="F33" s="22"/>
      <c r="G33" s="21" t="s">
        <v>62</v>
      </c>
      <c r="H33" s="20"/>
      <c r="I33" s="16">
        <v>23754</v>
      </c>
      <c r="J33" s="22">
        <v>11050</v>
      </c>
      <c r="K33" s="22">
        <v>12704</v>
      </c>
    </row>
    <row r="34" spans="1:11" ht="15" customHeight="1">
      <c r="A34" s="20" t="s">
        <v>63</v>
      </c>
      <c r="B34" s="20"/>
      <c r="C34" s="16">
        <v>17799</v>
      </c>
      <c r="D34" s="22">
        <v>9164</v>
      </c>
      <c r="E34" s="22">
        <v>8635</v>
      </c>
      <c r="F34" s="22"/>
      <c r="G34" s="21" t="s">
        <v>64</v>
      </c>
      <c r="H34" s="20"/>
      <c r="I34" s="16">
        <v>23156</v>
      </c>
      <c r="J34" s="22">
        <v>10597</v>
      </c>
      <c r="K34" s="22">
        <v>12559</v>
      </c>
    </row>
    <row r="35" spans="1:11" ht="20.100000000000001" customHeight="1">
      <c r="A35" s="20" t="s">
        <v>65</v>
      </c>
      <c r="B35" s="20"/>
      <c r="C35" s="16">
        <v>84649</v>
      </c>
      <c r="D35" s="17">
        <v>44162</v>
      </c>
      <c r="E35" s="17">
        <v>40487</v>
      </c>
      <c r="F35" s="17"/>
      <c r="G35" s="21" t="s">
        <v>66</v>
      </c>
      <c r="H35" s="20"/>
      <c r="I35" s="16">
        <v>88757</v>
      </c>
      <c r="J35" s="17">
        <v>40075</v>
      </c>
      <c r="K35" s="17">
        <v>48682</v>
      </c>
    </row>
    <row r="36" spans="1:11" ht="15" customHeight="1">
      <c r="A36" s="20" t="s">
        <v>67</v>
      </c>
      <c r="B36" s="20"/>
      <c r="C36" s="16">
        <v>17251</v>
      </c>
      <c r="D36" s="22">
        <v>9072</v>
      </c>
      <c r="E36" s="22">
        <v>8179</v>
      </c>
      <c r="F36" s="22"/>
      <c r="G36" s="21" t="s">
        <v>68</v>
      </c>
      <c r="H36" s="20"/>
      <c r="I36" s="16">
        <v>22866</v>
      </c>
      <c r="J36" s="22">
        <v>10359</v>
      </c>
      <c r="K36" s="22">
        <v>12507</v>
      </c>
    </row>
    <row r="37" spans="1:11" ht="15" customHeight="1">
      <c r="A37" s="20" t="s">
        <v>69</v>
      </c>
      <c r="B37" s="20"/>
      <c r="C37" s="16">
        <v>16997</v>
      </c>
      <c r="D37" s="22">
        <v>8872</v>
      </c>
      <c r="E37" s="22">
        <v>8125</v>
      </c>
      <c r="F37" s="22"/>
      <c r="G37" s="21" t="s">
        <v>70</v>
      </c>
      <c r="H37" s="20"/>
      <c r="I37" s="16">
        <v>15917</v>
      </c>
      <c r="J37" s="22">
        <v>7368</v>
      </c>
      <c r="K37" s="22">
        <v>8549</v>
      </c>
    </row>
    <row r="38" spans="1:11" ht="15" customHeight="1">
      <c r="A38" s="20" t="s">
        <v>71</v>
      </c>
      <c r="B38" s="20"/>
      <c r="C38" s="16">
        <v>16890</v>
      </c>
      <c r="D38" s="22">
        <v>8634</v>
      </c>
      <c r="E38" s="22">
        <v>8256</v>
      </c>
      <c r="F38" s="22"/>
      <c r="G38" s="21" t="s">
        <v>72</v>
      </c>
      <c r="H38" s="20"/>
      <c r="I38" s="16">
        <v>14124</v>
      </c>
      <c r="J38" s="22">
        <v>6339</v>
      </c>
      <c r="K38" s="22">
        <v>7785</v>
      </c>
    </row>
    <row r="39" spans="1:11" ht="15" customHeight="1">
      <c r="A39" s="20" t="s">
        <v>73</v>
      </c>
      <c r="B39" s="20"/>
      <c r="C39" s="16">
        <v>17176</v>
      </c>
      <c r="D39" s="22">
        <v>9029</v>
      </c>
      <c r="E39" s="22">
        <v>8147</v>
      </c>
      <c r="F39" s="22"/>
      <c r="G39" s="21" t="s">
        <v>74</v>
      </c>
      <c r="H39" s="20"/>
      <c r="I39" s="16">
        <v>17572</v>
      </c>
      <c r="J39" s="22">
        <v>7815</v>
      </c>
      <c r="K39" s="22">
        <v>9757</v>
      </c>
    </row>
    <row r="40" spans="1:11" ht="15" customHeight="1">
      <c r="A40" s="20" t="s">
        <v>75</v>
      </c>
      <c r="B40" s="20"/>
      <c r="C40" s="16">
        <v>16335</v>
      </c>
      <c r="D40" s="22">
        <v>8555</v>
      </c>
      <c r="E40" s="22">
        <v>7780</v>
      </c>
      <c r="F40" s="22"/>
      <c r="G40" s="21" t="s">
        <v>76</v>
      </c>
      <c r="H40" s="20"/>
      <c r="I40" s="16">
        <v>18278</v>
      </c>
      <c r="J40" s="22">
        <v>8194</v>
      </c>
      <c r="K40" s="22">
        <v>10084</v>
      </c>
    </row>
    <row r="41" spans="1:11" ht="20.100000000000001" customHeight="1">
      <c r="A41" s="20" t="s">
        <v>77</v>
      </c>
      <c r="B41" s="20"/>
      <c r="C41" s="16">
        <v>83138</v>
      </c>
      <c r="D41" s="17">
        <v>43922</v>
      </c>
      <c r="E41" s="17">
        <v>39216</v>
      </c>
      <c r="F41" s="17"/>
      <c r="G41" s="21" t="s">
        <v>78</v>
      </c>
      <c r="H41" s="20"/>
      <c r="I41" s="16">
        <v>70281</v>
      </c>
      <c r="J41" s="17">
        <v>31386</v>
      </c>
      <c r="K41" s="17">
        <v>38895</v>
      </c>
    </row>
    <row r="42" spans="1:11" ht="15" customHeight="1">
      <c r="A42" s="20" t="s">
        <v>79</v>
      </c>
      <c r="B42" s="20"/>
      <c r="C42" s="16">
        <v>16597</v>
      </c>
      <c r="D42" s="22">
        <v>8726</v>
      </c>
      <c r="E42" s="22">
        <v>7871</v>
      </c>
      <c r="F42" s="22"/>
      <c r="G42" s="21" t="s">
        <v>80</v>
      </c>
      <c r="H42" s="20"/>
      <c r="I42" s="16">
        <v>16960</v>
      </c>
      <c r="J42" s="22">
        <v>7599</v>
      </c>
      <c r="K42" s="22">
        <v>9361</v>
      </c>
    </row>
    <row r="43" spans="1:11" ht="15" customHeight="1">
      <c r="A43" s="20" t="s">
        <v>81</v>
      </c>
      <c r="B43" s="20"/>
      <c r="C43" s="16">
        <v>16514</v>
      </c>
      <c r="D43" s="22">
        <v>8690</v>
      </c>
      <c r="E43" s="22">
        <v>7824</v>
      </c>
      <c r="F43" s="22"/>
      <c r="G43" s="21" t="s">
        <v>82</v>
      </c>
      <c r="H43" s="20"/>
      <c r="I43" s="16">
        <v>16313</v>
      </c>
      <c r="J43" s="22">
        <v>7226</v>
      </c>
      <c r="K43" s="22">
        <v>9087</v>
      </c>
    </row>
    <row r="44" spans="1:11" ht="15" customHeight="1">
      <c r="A44" s="20" t="s">
        <v>83</v>
      </c>
      <c r="B44" s="20"/>
      <c r="C44" s="16">
        <v>16308</v>
      </c>
      <c r="D44" s="22">
        <v>8741</v>
      </c>
      <c r="E44" s="22">
        <v>7567</v>
      </c>
      <c r="F44" s="22"/>
      <c r="G44" s="21" t="s">
        <v>84</v>
      </c>
      <c r="H44" s="20"/>
      <c r="I44" s="16">
        <v>14595</v>
      </c>
      <c r="J44" s="22">
        <v>6541</v>
      </c>
      <c r="K44" s="22">
        <v>8054</v>
      </c>
    </row>
    <row r="45" spans="1:11" ht="15" customHeight="1">
      <c r="A45" s="20" t="s">
        <v>85</v>
      </c>
      <c r="B45" s="20"/>
      <c r="C45" s="16">
        <v>16375</v>
      </c>
      <c r="D45" s="22">
        <v>8752</v>
      </c>
      <c r="E45" s="22">
        <v>7623</v>
      </c>
      <c r="F45" s="22"/>
      <c r="G45" s="21" t="s">
        <v>86</v>
      </c>
      <c r="H45" s="20"/>
      <c r="I45" s="16">
        <v>11707</v>
      </c>
      <c r="J45" s="22">
        <v>5254</v>
      </c>
      <c r="K45" s="22">
        <v>6453</v>
      </c>
    </row>
    <row r="46" spans="1:11" ht="15" customHeight="1">
      <c r="A46" s="20" t="s">
        <v>87</v>
      </c>
      <c r="B46" s="20"/>
      <c r="C46" s="16">
        <v>17344</v>
      </c>
      <c r="D46" s="22">
        <v>9013</v>
      </c>
      <c r="E46" s="22">
        <v>8331</v>
      </c>
      <c r="F46" s="22"/>
      <c r="G46" s="21" t="s">
        <v>88</v>
      </c>
      <c r="H46" s="20"/>
      <c r="I46" s="16">
        <v>10706</v>
      </c>
      <c r="J46" s="22">
        <v>4766</v>
      </c>
      <c r="K46" s="22">
        <v>5940</v>
      </c>
    </row>
    <row r="47" spans="1:11" ht="20.100000000000001" customHeight="1">
      <c r="A47" s="20" t="s">
        <v>89</v>
      </c>
      <c r="B47" s="20"/>
      <c r="C47" s="16">
        <v>89990</v>
      </c>
      <c r="D47" s="17">
        <v>47277</v>
      </c>
      <c r="E47" s="17">
        <v>42713</v>
      </c>
      <c r="F47" s="17"/>
      <c r="G47" s="21" t="s">
        <v>90</v>
      </c>
      <c r="H47" s="20"/>
      <c r="I47" s="16">
        <v>39899</v>
      </c>
      <c r="J47" s="17">
        <v>16174</v>
      </c>
      <c r="K47" s="17">
        <v>23725</v>
      </c>
    </row>
    <row r="48" spans="1:11" ht="15" customHeight="1">
      <c r="A48" s="20" t="s">
        <v>91</v>
      </c>
      <c r="B48" s="20"/>
      <c r="C48" s="16">
        <v>16810</v>
      </c>
      <c r="D48" s="22">
        <v>8945</v>
      </c>
      <c r="E48" s="22">
        <v>7865</v>
      </c>
      <c r="F48" s="22"/>
      <c r="G48" s="21" t="s">
        <v>92</v>
      </c>
      <c r="H48" s="20"/>
      <c r="I48" s="16">
        <v>10506</v>
      </c>
      <c r="J48" s="22">
        <v>4571</v>
      </c>
      <c r="K48" s="22">
        <v>5935</v>
      </c>
    </row>
    <row r="49" spans="1:11" ht="15" customHeight="1">
      <c r="A49" s="20" t="s">
        <v>93</v>
      </c>
      <c r="B49" s="20"/>
      <c r="C49" s="16">
        <v>17431</v>
      </c>
      <c r="D49" s="22">
        <v>9181</v>
      </c>
      <c r="E49" s="22">
        <v>8250</v>
      </c>
      <c r="F49" s="22"/>
      <c r="G49" s="21" t="s">
        <v>94</v>
      </c>
      <c r="H49" s="20"/>
      <c r="I49" s="16">
        <v>9062</v>
      </c>
      <c r="J49" s="22">
        <v>3838</v>
      </c>
      <c r="K49" s="22">
        <v>5224</v>
      </c>
    </row>
    <row r="50" spans="1:11" ht="15" customHeight="1">
      <c r="A50" s="20" t="s">
        <v>95</v>
      </c>
      <c r="B50" s="20"/>
      <c r="C50" s="16">
        <v>17961</v>
      </c>
      <c r="D50" s="22">
        <v>9388</v>
      </c>
      <c r="E50" s="22">
        <v>8573</v>
      </c>
      <c r="F50" s="22"/>
      <c r="G50" s="21" t="s">
        <v>96</v>
      </c>
      <c r="H50" s="20"/>
      <c r="I50" s="16">
        <v>8207</v>
      </c>
      <c r="J50" s="22">
        <v>3355</v>
      </c>
      <c r="K50" s="22">
        <v>4852</v>
      </c>
    </row>
    <row r="51" spans="1:11" ht="15" customHeight="1">
      <c r="A51" s="20" t="s">
        <v>97</v>
      </c>
      <c r="B51" s="20"/>
      <c r="C51" s="16">
        <v>18627</v>
      </c>
      <c r="D51" s="22">
        <v>9776</v>
      </c>
      <c r="E51" s="22">
        <v>8851</v>
      </c>
      <c r="F51" s="22"/>
      <c r="G51" s="21" t="s">
        <v>98</v>
      </c>
      <c r="H51" s="20"/>
      <c r="I51" s="16">
        <v>6431</v>
      </c>
      <c r="J51" s="22">
        <v>2411</v>
      </c>
      <c r="K51" s="22">
        <v>4020</v>
      </c>
    </row>
    <row r="52" spans="1:11" ht="15" customHeight="1">
      <c r="A52" s="20" t="s">
        <v>99</v>
      </c>
      <c r="B52" s="20"/>
      <c r="C52" s="16">
        <v>19161</v>
      </c>
      <c r="D52" s="22">
        <v>9987</v>
      </c>
      <c r="E52" s="22">
        <v>9174</v>
      </c>
      <c r="F52" s="22"/>
      <c r="G52" s="21" t="s">
        <v>100</v>
      </c>
      <c r="H52" s="20"/>
      <c r="I52" s="16">
        <v>5693</v>
      </c>
      <c r="J52" s="22">
        <v>1999</v>
      </c>
      <c r="K52" s="22">
        <v>3694</v>
      </c>
    </row>
    <row r="53" spans="1:11" ht="20.100000000000001" customHeight="1">
      <c r="A53" s="20" t="s">
        <v>101</v>
      </c>
      <c r="B53" s="20"/>
      <c r="C53" s="16">
        <v>101607</v>
      </c>
      <c r="D53" s="17">
        <v>53146</v>
      </c>
      <c r="E53" s="17">
        <v>48461</v>
      </c>
      <c r="F53" s="17"/>
      <c r="G53" s="21" t="s">
        <v>102</v>
      </c>
      <c r="H53" s="20"/>
      <c r="I53" s="16">
        <v>17010</v>
      </c>
      <c r="J53" s="17">
        <v>5189</v>
      </c>
      <c r="K53" s="17">
        <v>11821</v>
      </c>
    </row>
    <row r="54" spans="1:11" ht="15" customHeight="1">
      <c r="A54" s="20" t="s">
        <v>103</v>
      </c>
      <c r="B54" s="20"/>
      <c r="C54" s="16">
        <v>18997</v>
      </c>
      <c r="D54" s="22">
        <v>9957</v>
      </c>
      <c r="E54" s="22">
        <v>9040</v>
      </c>
      <c r="F54" s="22"/>
      <c r="G54" s="21" t="s">
        <v>104</v>
      </c>
      <c r="H54" s="20"/>
      <c r="I54" s="16">
        <v>4955</v>
      </c>
      <c r="J54" s="22">
        <v>1628</v>
      </c>
      <c r="K54" s="22">
        <v>3327</v>
      </c>
    </row>
    <row r="55" spans="1:11" ht="15" customHeight="1">
      <c r="A55" s="20" t="s">
        <v>105</v>
      </c>
      <c r="B55" s="20"/>
      <c r="C55" s="16">
        <v>19614</v>
      </c>
      <c r="D55" s="22">
        <v>10276</v>
      </c>
      <c r="E55" s="22">
        <v>9338</v>
      </c>
      <c r="F55" s="22"/>
      <c r="G55" s="21" t="s">
        <v>106</v>
      </c>
      <c r="H55" s="20"/>
      <c r="I55" s="16">
        <v>3962</v>
      </c>
      <c r="J55" s="22">
        <v>1267</v>
      </c>
      <c r="K55" s="22">
        <v>2695</v>
      </c>
    </row>
    <row r="56" spans="1:11" ht="15" customHeight="1">
      <c r="A56" s="20" t="s">
        <v>107</v>
      </c>
      <c r="B56" s="20"/>
      <c r="C56" s="16">
        <v>20016</v>
      </c>
      <c r="D56" s="22">
        <v>10424</v>
      </c>
      <c r="E56" s="22">
        <v>9592</v>
      </c>
      <c r="F56" s="22"/>
      <c r="G56" s="21" t="s">
        <v>108</v>
      </c>
      <c r="H56" s="20"/>
      <c r="I56" s="16">
        <v>3306</v>
      </c>
      <c r="J56" s="22">
        <v>995</v>
      </c>
      <c r="K56" s="22">
        <v>2311</v>
      </c>
    </row>
    <row r="57" spans="1:11" ht="15" customHeight="1">
      <c r="A57" s="20" t="s">
        <v>109</v>
      </c>
      <c r="B57" s="20"/>
      <c r="C57" s="16">
        <v>21046</v>
      </c>
      <c r="D57" s="22">
        <v>11084</v>
      </c>
      <c r="E57" s="22">
        <v>9962</v>
      </c>
      <c r="F57" s="22"/>
      <c r="G57" s="21" t="s">
        <v>110</v>
      </c>
      <c r="H57" s="20"/>
      <c r="I57" s="16">
        <v>2647</v>
      </c>
      <c r="J57" s="22">
        <v>753</v>
      </c>
      <c r="K57" s="22">
        <v>1894</v>
      </c>
    </row>
    <row r="58" spans="1:11" ht="15" customHeight="1">
      <c r="A58" s="20" t="s">
        <v>111</v>
      </c>
      <c r="B58" s="20"/>
      <c r="C58" s="16">
        <v>21934</v>
      </c>
      <c r="D58" s="22">
        <v>11405</v>
      </c>
      <c r="E58" s="22">
        <v>10529</v>
      </c>
      <c r="F58" s="22"/>
      <c r="G58" s="21" t="s">
        <v>112</v>
      </c>
      <c r="H58" s="20"/>
      <c r="I58" s="16">
        <v>2140</v>
      </c>
      <c r="J58" s="22">
        <v>546</v>
      </c>
      <c r="K58" s="22">
        <v>1594</v>
      </c>
    </row>
    <row r="59" spans="1:11" ht="20.100000000000001" customHeight="1">
      <c r="A59" s="20" t="s">
        <v>113</v>
      </c>
      <c r="B59" s="20"/>
      <c r="C59" s="16">
        <v>124242</v>
      </c>
      <c r="D59" s="17">
        <v>65004</v>
      </c>
      <c r="E59" s="17">
        <v>59238</v>
      </c>
      <c r="F59" s="17"/>
      <c r="G59" s="21" t="s">
        <v>114</v>
      </c>
      <c r="H59" s="20"/>
      <c r="I59" s="16">
        <v>4422</v>
      </c>
      <c r="J59" s="17">
        <v>961</v>
      </c>
      <c r="K59" s="17">
        <v>3461</v>
      </c>
    </row>
    <row r="60" spans="1:11" ht="15" customHeight="1">
      <c r="A60" s="20" t="s">
        <v>115</v>
      </c>
      <c r="B60" s="20"/>
      <c r="C60" s="16">
        <v>22561</v>
      </c>
      <c r="D60" s="22">
        <v>11778</v>
      </c>
      <c r="E60" s="22">
        <v>10783</v>
      </c>
      <c r="F60" s="22"/>
      <c r="G60" s="21" t="s">
        <v>116</v>
      </c>
      <c r="H60" s="20"/>
      <c r="I60" s="16">
        <v>1531</v>
      </c>
      <c r="J60" s="22">
        <v>368</v>
      </c>
      <c r="K60" s="22">
        <v>1163</v>
      </c>
    </row>
    <row r="61" spans="1:11" ht="15" customHeight="1">
      <c r="A61" s="20" t="s">
        <v>117</v>
      </c>
      <c r="B61" s="20"/>
      <c r="C61" s="16">
        <v>23374</v>
      </c>
      <c r="D61" s="22">
        <v>12403</v>
      </c>
      <c r="E61" s="22">
        <v>10971</v>
      </c>
      <c r="F61" s="22"/>
      <c r="G61" s="21" t="s">
        <v>118</v>
      </c>
      <c r="H61" s="20"/>
      <c r="I61" s="16">
        <v>1061</v>
      </c>
      <c r="J61" s="22">
        <v>257</v>
      </c>
      <c r="K61" s="22">
        <v>804</v>
      </c>
    </row>
    <row r="62" spans="1:11" ht="15" customHeight="1">
      <c r="A62" s="20" t="s">
        <v>119</v>
      </c>
      <c r="B62" s="20"/>
      <c r="C62" s="16">
        <v>24224</v>
      </c>
      <c r="D62" s="22">
        <v>12531</v>
      </c>
      <c r="E62" s="22">
        <v>11693</v>
      </c>
      <c r="F62" s="22"/>
      <c r="G62" s="21" t="s">
        <v>120</v>
      </c>
      <c r="H62" s="20"/>
      <c r="I62" s="16">
        <v>809</v>
      </c>
      <c r="J62" s="22">
        <v>169</v>
      </c>
      <c r="K62" s="22">
        <v>640</v>
      </c>
    </row>
    <row r="63" spans="1:11" ht="15" customHeight="1">
      <c r="A63" s="20" t="s">
        <v>121</v>
      </c>
      <c r="B63" s="20"/>
      <c r="C63" s="16">
        <v>26324</v>
      </c>
      <c r="D63" s="22">
        <v>13822</v>
      </c>
      <c r="E63" s="22">
        <v>12502</v>
      </c>
      <c r="F63" s="22"/>
      <c r="G63" s="21" t="s">
        <v>122</v>
      </c>
      <c r="H63" s="20"/>
      <c r="I63" s="16">
        <v>591</v>
      </c>
      <c r="J63" s="22">
        <v>98</v>
      </c>
      <c r="K63" s="22">
        <v>493</v>
      </c>
    </row>
    <row r="64" spans="1:11" ht="15" customHeight="1">
      <c r="A64" s="20" t="s">
        <v>123</v>
      </c>
      <c r="B64" s="20"/>
      <c r="C64" s="16">
        <v>27759</v>
      </c>
      <c r="D64" s="22">
        <v>14470</v>
      </c>
      <c r="E64" s="22">
        <v>13289</v>
      </c>
      <c r="F64" s="22"/>
      <c r="G64" s="21" t="s">
        <v>124</v>
      </c>
      <c r="H64" s="20"/>
      <c r="I64" s="16">
        <v>430</v>
      </c>
      <c r="J64" s="22">
        <v>69</v>
      </c>
      <c r="K64" s="22">
        <v>361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719</v>
      </c>
      <c r="J65" s="22">
        <v>92</v>
      </c>
      <c r="K65" s="22">
        <v>627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38761</v>
      </c>
      <c r="J66" s="32">
        <v>20497</v>
      </c>
      <c r="K66" s="32">
        <v>18264</v>
      </c>
    </row>
    <row r="68" spans="1:11">
      <c r="F68" s="2"/>
    </row>
    <row r="75" spans="1:11">
      <c r="F75" s="25"/>
    </row>
    <row r="76" spans="1:11">
      <c r="F76" s="26"/>
    </row>
    <row r="77" spans="1:11">
      <c r="F77" s="26"/>
    </row>
    <row r="78" spans="1:11">
      <c r="F78" s="26"/>
    </row>
    <row r="79" spans="1:11">
      <c r="F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9"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60</v>
      </c>
      <c r="B2" s="7"/>
      <c r="C2" s="9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726031</v>
      </c>
      <c r="D4" s="17">
        <v>361575</v>
      </c>
      <c r="E4" s="17">
        <v>364456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23212</v>
      </c>
      <c r="D5" s="17">
        <v>11818</v>
      </c>
      <c r="E5" s="17">
        <v>11394</v>
      </c>
      <c r="F5" s="17"/>
      <c r="G5" s="21" t="s">
        <v>6</v>
      </c>
      <c r="H5" s="20"/>
      <c r="I5" s="16">
        <v>59280</v>
      </c>
      <c r="J5" s="17">
        <v>30813</v>
      </c>
      <c r="K5" s="17">
        <v>28467</v>
      </c>
    </row>
    <row r="6" spans="1:11" ht="15" customHeight="1">
      <c r="A6" s="20" t="s">
        <v>7</v>
      </c>
      <c r="B6" s="20"/>
      <c r="C6" s="16">
        <v>4289</v>
      </c>
      <c r="D6" s="22">
        <v>2207</v>
      </c>
      <c r="E6" s="22">
        <v>2082</v>
      </c>
      <c r="F6" s="22"/>
      <c r="G6" s="21" t="s">
        <v>8</v>
      </c>
      <c r="H6" s="20"/>
      <c r="I6" s="16">
        <v>12256</v>
      </c>
      <c r="J6" s="22">
        <v>6322</v>
      </c>
      <c r="K6" s="22">
        <v>5934</v>
      </c>
    </row>
    <row r="7" spans="1:11" ht="15" customHeight="1">
      <c r="A7" s="20" t="s">
        <v>9</v>
      </c>
      <c r="B7" s="20"/>
      <c r="C7" s="16">
        <v>4655</v>
      </c>
      <c r="D7" s="22">
        <v>2386</v>
      </c>
      <c r="E7" s="22">
        <v>2269</v>
      </c>
      <c r="F7" s="22"/>
      <c r="G7" s="21" t="s">
        <v>10</v>
      </c>
      <c r="H7" s="20"/>
      <c r="I7" s="16">
        <v>12272</v>
      </c>
      <c r="J7" s="22">
        <v>6356</v>
      </c>
      <c r="K7" s="22">
        <v>5916</v>
      </c>
    </row>
    <row r="8" spans="1:11" ht="15" customHeight="1">
      <c r="A8" s="20" t="s">
        <v>11</v>
      </c>
      <c r="B8" s="20"/>
      <c r="C8" s="16">
        <v>4648</v>
      </c>
      <c r="D8" s="22">
        <v>2338</v>
      </c>
      <c r="E8" s="22">
        <v>2310</v>
      </c>
      <c r="F8" s="22"/>
      <c r="G8" s="21" t="s">
        <v>12</v>
      </c>
      <c r="H8" s="20"/>
      <c r="I8" s="16">
        <v>11947</v>
      </c>
      <c r="J8" s="22">
        <v>6221</v>
      </c>
      <c r="K8" s="22">
        <v>5726</v>
      </c>
    </row>
    <row r="9" spans="1:11" ht="15" customHeight="1">
      <c r="A9" s="20" t="s">
        <v>13</v>
      </c>
      <c r="B9" s="20"/>
      <c r="C9" s="16">
        <v>4689</v>
      </c>
      <c r="D9" s="22">
        <v>2381</v>
      </c>
      <c r="E9" s="22">
        <v>2308</v>
      </c>
      <c r="F9" s="22"/>
      <c r="G9" s="21" t="s">
        <v>14</v>
      </c>
      <c r="H9" s="20"/>
      <c r="I9" s="16">
        <v>11682</v>
      </c>
      <c r="J9" s="22">
        <v>6101</v>
      </c>
      <c r="K9" s="22">
        <v>5581</v>
      </c>
    </row>
    <row r="10" spans="1:11" ht="15" customHeight="1">
      <c r="A10" s="20" t="s">
        <v>15</v>
      </c>
      <c r="B10" s="20"/>
      <c r="C10" s="16">
        <v>4931</v>
      </c>
      <c r="D10" s="22">
        <v>2506</v>
      </c>
      <c r="E10" s="22">
        <v>2425</v>
      </c>
      <c r="F10" s="22"/>
      <c r="G10" s="21" t="s">
        <v>16</v>
      </c>
      <c r="H10" s="20"/>
      <c r="I10" s="16">
        <v>11123</v>
      </c>
      <c r="J10" s="22">
        <v>5813</v>
      </c>
      <c r="K10" s="22">
        <v>5310</v>
      </c>
    </row>
    <row r="11" spans="1:11" ht="20.100000000000001" customHeight="1">
      <c r="A11" s="20" t="s">
        <v>17</v>
      </c>
      <c r="B11" s="20"/>
      <c r="C11" s="16">
        <v>26717</v>
      </c>
      <c r="D11" s="17">
        <v>13773</v>
      </c>
      <c r="E11" s="17">
        <v>12944</v>
      </c>
      <c r="F11" s="17"/>
      <c r="G11" s="21" t="s">
        <v>18</v>
      </c>
      <c r="H11" s="20"/>
      <c r="I11" s="16">
        <v>49570</v>
      </c>
      <c r="J11" s="17">
        <v>25724</v>
      </c>
      <c r="K11" s="17">
        <v>23846</v>
      </c>
    </row>
    <row r="12" spans="1:11" ht="15" customHeight="1">
      <c r="A12" s="20" t="s">
        <v>19</v>
      </c>
      <c r="B12" s="20"/>
      <c r="C12" s="16">
        <v>5009</v>
      </c>
      <c r="D12" s="22">
        <v>2492</v>
      </c>
      <c r="E12" s="22">
        <v>2517</v>
      </c>
      <c r="F12" s="22"/>
      <c r="G12" s="21" t="s">
        <v>20</v>
      </c>
      <c r="H12" s="20"/>
      <c r="I12" s="16">
        <v>11697</v>
      </c>
      <c r="J12" s="22">
        <v>6051</v>
      </c>
      <c r="K12" s="22">
        <v>5646</v>
      </c>
    </row>
    <row r="13" spans="1:11" ht="15" customHeight="1">
      <c r="A13" s="20" t="s">
        <v>21</v>
      </c>
      <c r="B13" s="20"/>
      <c r="C13" s="16">
        <v>5151</v>
      </c>
      <c r="D13" s="22">
        <v>2634</v>
      </c>
      <c r="E13" s="22">
        <v>2517</v>
      </c>
      <c r="F13" s="22"/>
      <c r="G13" s="21" t="s">
        <v>22</v>
      </c>
      <c r="H13" s="20"/>
      <c r="I13" s="16">
        <v>8438</v>
      </c>
      <c r="J13" s="22">
        <v>4362</v>
      </c>
      <c r="K13" s="22">
        <v>4076</v>
      </c>
    </row>
    <row r="14" spans="1:11" ht="15" customHeight="1">
      <c r="A14" s="20" t="s">
        <v>23</v>
      </c>
      <c r="B14" s="20"/>
      <c r="C14" s="16">
        <v>5410</v>
      </c>
      <c r="D14" s="22">
        <v>2893</v>
      </c>
      <c r="E14" s="22">
        <v>2517</v>
      </c>
      <c r="F14" s="22"/>
      <c r="G14" s="21" t="s">
        <v>24</v>
      </c>
      <c r="H14" s="20"/>
      <c r="I14" s="16">
        <v>10713</v>
      </c>
      <c r="J14" s="22">
        <v>5614</v>
      </c>
      <c r="K14" s="22">
        <v>5099</v>
      </c>
    </row>
    <row r="15" spans="1:11" ht="15" customHeight="1">
      <c r="A15" s="20" t="s">
        <v>25</v>
      </c>
      <c r="B15" s="20"/>
      <c r="C15" s="16">
        <v>5572</v>
      </c>
      <c r="D15" s="22">
        <v>2835</v>
      </c>
      <c r="E15" s="22">
        <v>2737</v>
      </c>
      <c r="F15" s="22"/>
      <c r="G15" s="21" t="s">
        <v>26</v>
      </c>
      <c r="H15" s="20"/>
      <c r="I15" s="16">
        <v>9658</v>
      </c>
      <c r="J15" s="22">
        <v>5039</v>
      </c>
      <c r="K15" s="22">
        <v>4619</v>
      </c>
    </row>
    <row r="16" spans="1:11" ht="15" customHeight="1">
      <c r="A16" s="20" t="s">
        <v>27</v>
      </c>
      <c r="B16" s="20"/>
      <c r="C16" s="16">
        <v>5575</v>
      </c>
      <c r="D16" s="22">
        <v>2919</v>
      </c>
      <c r="E16" s="22">
        <v>2656</v>
      </c>
      <c r="F16" s="22"/>
      <c r="G16" s="21" t="s">
        <v>28</v>
      </c>
      <c r="H16" s="20"/>
      <c r="I16" s="16">
        <v>9064</v>
      </c>
      <c r="J16" s="22">
        <v>4658</v>
      </c>
      <c r="K16" s="22">
        <v>4406</v>
      </c>
    </row>
    <row r="17" spans="1:11" ht="20.100000000000001" customHeight="1">
      <c r="A17" s="24" t="s">
        <v>29</v>
      </c>
      <c r="B17" s="24"/>
      <c r="C17" s="16">
        <v>29217</v>
      </c>
      <c r="D17" s="17">
        <v>14836</v>
      </c>
      <c r="E17" s="17">
        <v>14381</v>
      </c>
      <c r="F17" s="17"/>
      <c r="G17" s="21" t="s">
        <v>30</v>
      </c>
      <c r="H17" s="20"/>
      <c r="I17" s="16">
        <v>39797</v>
      </c>
      <c r="J17" s="17">
        <v>20266</v>
      </c>
      <c r="K17" s="17">
        <v>19531</v>
      </c>
    </row>
    <row r="18" spans="1:11" ht="15" customHeight="1">
      <c r="A18" s="20" t="s">
        <v>31</v>
      </c>
      <c r="B18" s="20"/>
      <c r="C18" s="16">
        <v>5664</v>
      </c>
      <c r="D18" s="22">
        <v>2859</v>
      </c>
      <c r="E18" s="22">
        <v>2805</v>
      </c>
      <c r="F18" s="22"/>
      <c r="G18" s="21" t="s">
        <v>32</v>
      </c>
      <c r="H18" s="20"/>
      <c r="I18" s="16">
        <v>8535</v>
      </c>
      <c r="J18" s="22">
        <v>4329</v>
      </c>
      <c r="K18" s="22">
        <v>4206</v>
      </c>
    </row>
    <row r="19" spans="1:11" ht="15" customHeight="1">
      <c r="A19" s="20" t="s">
        <v>33</v>
      </c>
      <c r="B19" s="20"/>
      <c r="C19" s="16">
        <v>5727</v>
      </c>
      <c r="D19" s="22">
        <v>2941</v>
      </c>
      <c r="E19" s="22">
        <v>2786</v>
      </c>
      <c r="F19" s="22"/>
      <c r="G19" s="21" t="s">
        <v>34</v>
      </c>
      <c r="H19" s="20"/>
      <c r="I19" s="16">
        <v>8122</v>
      </c>
      <c r="J19" s="22">
        <v>4202</v>
      </c>
      <c r="K19" s="22">
        <v>3920</v>
      </c>
    </row>
    <row r="20" spans="1:11" ht="15" customHeight="1">
      <c r="A20" s="20" t="s">
        <v>35</v>
      </c>
      <c r="B20" s="20"/>
      <c r="C20" s="16">
        <v>5888</v>
      </c>
      <c r="D20" s="22">
        <v>2961</v>
      </c>
      <c r="E20" s="22">
        <v>2927</v>
      </c>
      <c r="F20" s="22"/>
      <c r="G20" s="21" t="s">
        <v>36</v>
      </c>
      <c r="H20" s="20"/>
      <c r="I20" s="16">
        <v>8027</v>
      </c>
      <c r="J20" s="22">
        <v>4048</v>
      </c>
      <c r="K20" s="22">
        <v>3979</v>
      </c>
    </row>
    <row r="21" spans="1:11" ht="15" customHeight="1">
      <c r="A21" s="20" t="s">
        <v>37</v>
      </c>
      <c r="B21" s="20"/>
      <c r="C21" s="16">
        <v>5968</v>
      </c>
      <c r="D21" s="22">
        <v>2995</v>
      </c>
      <c r="E21" s="22">
        <v>2973</v>
      </c>
      <c r="F21" s="22"/>
      <c r="G21" s="21" t="s">
        <v>38</v>
      </c>
      <c r="H21" s="20"/>
      <c r="I21" s="16">
        <v>7594</v>
      </c>
      <c r="J21" s="22">
        <v>3870</v>
      </c>
      <c r="K21" s="22">
        <v>3724</v>
      </c>
    </row>
    <row r="22" spans="1:11" ht="15" customHeight="1">
      <c r="A22" s="20" t="s">
        <v>39</v>
      </c>
      <c r="B22" s="20"/>
      <c r="C22" s="16">
        <v>5970</v>
      </c>
      <c r="D22" s="22">
        <v>3080</v>
      </c>
      <c r="E22" s="22">
        <v>2890</v>
      </c>
      <c r="F22" s="22"/>
      <c r="G22" s="21" t="s">
        <v>40</v>
      </c>
      <c r="H22" s="20"/>
      <c r="I22" s="16">
        <v>7519</v>
      </c>
      <c r="J22" s="22">
        <v>3817</v>
      </c>
      <c r="K22" s="22">
        <v>3702</v>
      </c>
    </row>
    <row r="23" spans="1:11" ht="20.100000000000001" customHeight="1">
      <c r="A23" s="20" t="s">
        <v>41</v>
      </c>
      <c r="B23" s="20"/>
      <c r="C23" s="16">
        <v>30923</v>
      </c>
      <c r="D23" s="17">
        <v>15770</v>
      </c>
      <c r="E23" s="17">
        <v>15153</v>
      </c>
      <c r="F23" s="17"/>
      <c r="G23" s="21" t="s">
        <v>42</v>
      </c>
      <c r="H23" s="20"/>
      <c r="I23" s="16">
        <v>37443</v>
      </c>
      <c r="J23" s="17">
        <v>18606</v>
      </c>
      <c r="K23" s="17">
        <v>18837</v>
      </c>
    </row>
    <row r="24" spans="1:11" ht="15" customHeight="1">
      <c r="A24" s="20" t="s">
        <v>43</v>
      </c>
      <c r="B24" s="20"/>
      <c r="C24" s="16">
        <v>6117</v>
      </c>
      <c r="D24" s="22">
        <v>3172</v>
      </c>
      <c r="E24" s="22">
        <v>2945</v>
      </c>
      <c r="F24" s="22"/>
      <c r="G24" s="21" t="s">
        <v>44</v>
      </c>
      <c r="H24" s="20"/>
      <c r="I24" s="16">
        <v>7113</v>
      </c>
      <c r="J24" s="22">
        <v>3589</v>
      </c>
      <c r="K24" s="22">
        <v>3524</v>
      </c>
    </row>
    <row r="25" spans="1:11" ht="15" customHeight="1">
      <c r="A25" s="20" t="s">
        <v>45</v>
      </c>
      <c r="B25" s="20"/>
      <c r="C25" s="16">
        <v>6063</v>
      </c>
      <c r="D25" s="22">
        <v>3126</v>
      </c>
      <c r="E25" s="22">
        <v>2937</v>
      </c>
      <c r="F25" s="22"/>
      <c r="G25" s="21" t="s">
        <v>46</v>
      </c>
      <c r="H25" s="20"/>
      <c r="I25" s="16">
        <v>7345</v>
      </c>
      <c r="J25" s="22">
        <v>3675</v>
      </c>
      <c r="K25" s="22">
        <v>3670</v>
      </c>
    </row>
    <row r="26" spans="1:11" ht="15" customHeight="1">
      <c r="A26" s="20" t="s">
        <v>47</v>
      </c>
      <c r="B26" s="20"/>
      <c r="C26" s="16">
        <v>5925</v>
      </c>
      <c r="D26" s="22">
        <v>2950</v>
      </c>
      <c r="E26" s="22">
        <v>2975</v>
      </c>
      <c r="F26" s="22"/>
      <c r="G26" s="21" t="s">
        <v>48</v>
      </c>
      <c r="H26" s="20"/>
      <c r="I26" s="16">
        <v>7535</v>
      </c>
      <c r="J26" s="22">
        <v>3837</v>
      </c>
      <c r="K26" s="22">
        <v>3698</v>
      </c>
    </row>
    <row r="27" spans="1:11" ht="15" customHeight="1">
      <c r="A27" s="20" t="s">
        <v>49</v>
      </c>
      <c r="B27" s="20"/>
      <c r="C27" s="16">
        <v>6031</v>
      </c>
      <c r="D27" s="22">
        <v>3078</v>
      </c>
      <c r="E27" s="22">
        <v>2953</v>
      </c>
      <c r="F27" s="22"/>
      <c r="G27" s="21" t="s">
        <v>50</v>
      </c>
      <c r="H27" s="20"/>
      <c r="I27" s="16">
        <v>7649</v>
      </c>
      <c r="J27" s="22">
        <v>3712</v>
      </c>
      <c r="K27" s="22">
        <v>3937</v>
      </c>
    </row>
    <row r="28" spans="1:11" ht="15" customHeight="1">
      <c r="A28" s="20" t="s">
        <v>51</v>
      </c>
      <c r="B28" s="20"/>
      <c r="C28" s="16">
        <v>6787</v>
      </c>
      <c r="D28" s="22">
        <v>3444</v>
      </c>
      <c r="E28" s="22">
        <v>3343</v>
      </c>
      <c r="F28" s="22"/>
      <c r="G28" s="21" t="s">
        <v>52</v>
      </c>
      <c r="H28" s="20"/>
      <c r="I28" s="16">
        <v>7801</v>
      </c>
      <c r="J28" s="22">
        <v>3793</v>
      </c>
      <c r="K28" s="22">
        <v>4008</v>
      </c>
    </row>
    <row r="29" spans="1:11" ht="20.100000000000001" customHeight="1">
      <c r="A29" s="20" t="s">
        <v>53</v>
      </c>
      <c r="B29" s="20"/>
      <c r="C29" s="16">
        <v>40611</v>
      </c>
      <c r="D29" s="17">
        <v>19971</v>
      </c>
      <c r="E29" s="17">
        <v>20640</v>
      </c>
      <c r="F29" s="17"/>
      <c r="G29" s="21" t="s">
        <v>54</v>
      </c>
      <c r="H29" s="20"/>
      <c r="I29" s="16">
        <v>48168</v>
      </c>
      <c r="J29" s="17">
        <v>22605</v>
      </c>
      <c r="K29" s="17">
        <v>25563</v>
      </c>
    </row>
    <row r="30" spans="1:11" ht="15" customHeight="1">
      <c r="A30" s="20" t="s">
        <v>55</v>
      </c>
      <c r="B30" s="20"/>
      <c r="C30" s="16">
        <v>7143</v>
      </c>
      <c r="D30" s="22">
        <v>3588</v>
      </c>
      <c r="E30" s="22">
        <v>3555</v>
      </c>
      <c r="F30" s="22"/>
      <c r="G30" s="21" t="s">
        <v>56</v>
      </c>
      <c r="H30" s="20"/>
      <c r="I30" s="16">
        <v>8531</v>
      </c>
      <c r="J30" s="22">
        <v>4059</v>
      </c>
      <c r="K30" s="22">
        <v>4472</v>
      </c>
    </row>
    <row r="31" spans="1:11" ht="15" customHeight="1">
      <c r="A31" s="20" t="s">
        <v>57</v>
      </c>
      <c r="B31" s="20"/>
      <c r="C31" s="16">
        <v>8205</v>
      </c>
      <c r="D31" s="22">
        <v>4010</v>
      </c>
      <c r="E31" s="22">
        <v>4195</v>
      </c>
      <c r="F31" s="22"/>
      <c r="G31" s="21" t="s">
        <v>58</v>
      </c>
      <c r="H31" s="20"/>
      <c r="I31" s="16">
        <v>8935</v>
      </c>
      <c r="J31" s="22">
        <v>4365</v>
      </c>
      <c r="K31" s="22">
        <v>4570</v>
      </c>
    </row>
    <row r="32" spans="1:11" ht="15" customHeight="1">
      <c r="A32" s="20" t="s">
        <v>59</v>
      </c>
      <c r="B32" s="20"/>
      <c r="C32" s="16">
        <v>8475</v>
      </c>
      <c r="D32" s="22">
        <v>4084</v>
      </c>
      <c r="E32" s="22">
        <v>4391</v>
      </c>
      <c r="F32" s="22"/>
      <c r="G32" s="21" t="s">
        <v>60</v>
      </c>
      <c r="H32" s="20"/>
      <c r="I32" s="16">
        <v>9425</v>
      </c>
      <c r="J32" s="22">
        <v>4382</v>
      </c>
      <c r="K32" s="22">
        <v>5043</v>
      </c>
    </row>
    <row r="33" spans="1:11" ht="15" customHeight="1">
      <c r="A33" s="20" t="s">
        <v>61</v>
      </c>
      <c r="B33" s="20"/>
      <c r="C33" s="16">
        <v>8482</v>
      </c>
      <c r="D33" s="22">
        <v>4189</v>
      </c>
      <c r="E33" s="22">
        <v>4293</v>
      </c>
      <c r="F33" s="22"/>
      <c r="G33" s="21" t="s">
        <v>62</v>
      </c>
      <c r="H33" s="20"/>
      <c r="I33" s="16">
        <v>10729</v>
      </c>
      <c r="J33" s="22">
        <v>5015</v>
      </c>
      <c r="K33" s="22">
        <v>5714</v>
      </c>
    </row>
    <row r="34" spans="1:11" ht="15" customHeight="1">
      <c r="A34" s="20" t="s">
        <v>63</v>
      </c>
      <c r="B34" s="20"/>
      <c r="C34" s="16">
        <v>8306</v>
      </c>
      <c r="D34" s="22">
        <v>4100</v>
      </c>
      <c r="E34" s="22">
        <v>4206</v>
      </c>
      <c r="F34" s="22"/>
      <c r="G34" s="21" t="s">
        <v>64</v>
      </c>
      <c r="H34" s="20"/>
      <c r="I34" s="16">
        <v>10548</v>
      </c>
      <c r="J34" s="22">
        <v>4784</v>
      </c>
      <c r="K34" s="22">
        <v>5764</v>
      </c>
    </row>
    <row r="35" spans="1:11" ht="20.100000000000001" customHeight="1">
      <c r="A35" s="20" t="s">
        <v>65</v>
      </c>
      <c r="B35" s="20"/>
      <c r="C35" s="16">
        <v>38148</v>
      </c>
      <c r="D35" s="17">
        <v>19432</v>
      </c>
      <c r="E35" s="17">
        <v>18716</v>
      </c>
      <c r="F35" s="17"/>
      <c r="G35" s="21" t="s">
        <v>66</v>
      </c>
      <c r="H35" s="20"/>
      <c r="I35" s="16">
        <v>40492</v>
      </c>
      <c r="J35" s="17">
        <v>18142</v>
      </c>
      <c r="K35" s="17">
        <v>22350</v>
      </c>
    </row>
    <row r="36" spans="1:11" ht="15" customHeight="1">
      <c r="A36" s="20" t="s">
        <v>67</v>
      </c>
      <c r="B36" s="20"/>
      <c r="C36" s="16">
        <v>7927</v>
      </c>
      <c r="D36" s="22">
        <v>4079</v>
      </c>
      <c r="E36" s="22">
        <v>3848</v>
      </c>
      <c r="F36" s="22"/>
      <c r="G36" s="21" t="s">
        <v>68</v>
      </c>
      <c r="H36" s="20"/>
      <c r="I36" s="16">
        <v>10324</v>
      </c>
      <c r="J36" s="22">
        <v>4689</v>
      </c>
      <c r="K36" s="22">
        <v>5635</v>
      </c>
    </row>
    <row r="37" spans="1:11" ht="15" customHeight="1">
      <c r="A37" s="20" t="s">
        <v>69</v>
      </c>
      <c r="B37" s="20"/>
      <c r="C37" s="16">
        <v>7729</v>
      </c>
      <c r="D37" s="22">
        <v>3904</v>
      </c>
      <c r="E37" s="22">
        <v>3825</v>
      </c>
      <c r="F37" s="22"/>
      <c r="G37" s="21" t="s">
        <v>70</v>
      </c>
      <c r="H37" s="20"/>
      <c r="I37" s="16">
        <v>7194</v>
      </c>
      <c r="J37" s="22">
        <v>3240</v>
      </c>
      <c r="K37" s="22">
        <v>3954</v>
      </c>
    </row>
    <row r="38" spans="1:11" ht="15" customHeight="1">
      <c r="A38" s="20" t="s">
        <v>71</v>
      </c>
      <c r="B38" s="20"/>
      <c r="C38" s="16">
        <v>7545</v>
      </c>
      <c r="D38" s="22">
        <v>3724</v>
      </c>
      <c r="E38" s="22">
        <v>3821</v>
      </c>
      <c r="F38" s="22"/>
      <c r="G38" s="21" t="s">
        <v>72</v>
      </c>
      <c r="H38" s="20"/>
      <c r="I38" s="16">
        <v>6519</v>
      </c>
      <c r="J38" s="22">
        <v>2913</v>
      </c>
      <c r="K38" s="22">
        <v>3606</v>
      </c>
    </row>
    <row r="39" spans="1:11" ht="15" customHeight="1">
      <c r="A39" s="20" t="s">
        <v>73</v>
      </c>
      <c r="B39" s="20"/>
      <c r="C39" s="16">
        <v>7675</v>
      </c>
      <c r="D39" s="22">
        <v>3975</v>
      </c>
      <c r="E39" s="22">
        <v>3700</v>
      </c>
      <c r="F39" s="22"/>
      <c r="G39" s="21" t="s">
        <v>74</v>
      </c>
      <c r="H39" s="20"/>
      <c r="I39" s="16">
        <v>8150</v>
      </c>
      <c r="J39" s="22">
        <v>3597</v>
      </c>
      <c r="K39" s="22">
        <v>4553</v>
      </c>
    </row>
    <row r="40" spans="1:11" ht="15" customHeight="1">
      <c r="A40" s="20" t="s">
        <v>75</v>
      </c>
      <c r="B40" s="20"/>
      <c r="C40" s="16">
        <v>7272</v>
      </c>
      <c r="D40" s="22">
        <v>3750</v>
      </c>
      <c r="E40" s="22">
        <v>3522</v>
      </c>
      <c r="F40" s="22"/>
      <c r="G40" s="21" t="s">
        <v>76</v>
      </c>
      <c r="H40" s="20"/>
      <c r="I40" s="16">
        <v>8305</v>
      </c>
      <c r="J40" s="22">
        <v>3703</v>
      </c>
      <c r="K40" s="22">
        <v>4602</v>
      </c>
    </row>
    <row r="41" spans="1:11" ht="20.100000000000001" customHeight="1">
      <c r="A41" s="20" t="s">
        <v>77</v>
      </c>
      <c r="B41" s="20"/>
      <c r="C41" s="16">
        <v>37284</v>
      </c>
      <c r="D41" s="17">
        <v>19436</v>
      </c>
      <c r="E41" s="17">
        <v>17848</v>
      </c>
      <c r="F41" s="17"/>
      <c r="G41" s="21" t="s">
        <v>78</v>
      </c>
      <c r="H41" s="20"/>
      <c r="I41" s="16">
        <v>32383</v>
      </c>
      <c r="J41" s="17">
        <v>14458</v>
      </c>
      <c r="K41" s="17">
        <v>17925</v>
      </c>
    </row>
    <row r="42" spans="1:11" ht="15" customHeight="1">
      <c r="A42" s="20" t="s">
        <v>79</v>
      </c>
      <c r="B42" s="20"/>
      <c r="C42" s="16">
        <v>7609</v>
      </c>
      <c r="D42" s="22">
        <v>3929</v>
      </c>
      <c r="E42" s="22">
        <v>3680</v>
      </c>
      <c r="F42" s="22"/>
      <c r="G42" s="21" t="s">
        <v>80</v>
      </c>
      <c r="H42" s="20"/>
      <c r="I42" s="16">
        <v>7704</v>
      </c>
      <c r="J42" s="22">
        <v>3433</v>
      </c>
      <c r="K42" s="22">
        <v>4271</v>
      </c>
    </row>
    <row r="43" spans="1:11" ht="15" customHeight="1">
      <c r="A43" s="20" t="s">
        <v>81</v>
      </c>
      <c r="B43" s="20"/>
      <c r="C43" s="16">
        <v>7330</v>
      </c>
      <c r="D43" s="22">
        <v>3775</v>
      </c>
      <c r="E43" s="22">
        <v>3555</v>
      </c>
      <c r="F43" s="22"/>
      <c r="G43" s="21" t="s">
        <v>82</v>
      </c>
      <c r="H43" s="20"/>
      <c r="I43" s="16">
        <v>7565</v>
      </c>
      <c r="J43" s="22">
        <v>3388</v>
      </c>
      <c r="K43" s="22">
        <v>4177</v>
      </c>
    </row>
    <row r="44" spans="1:11" ht="15" customHeight="1">
      <c r="A44" s="20" t="s">
        <v>83</v>
      </c>
      <c r="B44" s="20"/>
      <c r="C44" s="16">
        <v>7264</v>
      </c>
      <c r="D44" s="22">
        <v>3886</v>
      </c>
      <c r="E44" s="22">
        <v>3378</v>
      </c>
      <c r="F44" s="22"/>
      <c r="G44" s="21" t="s">
        <v>84</v>
      </c>
      <c r="H44" s="20"/>
      <c r="I44" s="16">
        <v>6675</v>
      </c>
      <c r="J44" s="22">
        <v>2959</v>
      </c>
      <c r="K44" s="22">
        <v>3716</v>
      </c>
    </row>
    <row r="45" spans="1:11" ht="15" customHeight="1">
      <c r="A45" s="20" t="s">
        <v>85</v>
      </c>
      <c r="B45" s="20"/>
      <c r="C45" s="16">
        <v>7349</v>
      </c>
      <c r="D45" s="22">
        <v>3864</v>
      </c>
      <c r="E45" s="22">
        <v>3485</v>
      </c>
      <c r="F45" s="22"/>
      <c r="G45" s="21" t="s">
        <v>86</v>
      </c>
      <c r="H45" s="20"/>
      <c r="I45" s="16">
        <v>5393</v>
      </c>
      <c r="J45" s="22">
        <v>2409</v>
      </c>
      <c r="K45" s="22">
        <v>2984</v>
      </c>
    </row>
    <row r="46" spans="1:11" ht="15" customHeight="1">
      <c r="A46" s="20" t="s">
        <v>87</v>
      </c>
      <c r="B46" s="20"/>
      <c r="C46" s="16">
        <v>7732</v>
      </c>
      <c r="D46" s="22">
        <v>3982</v>
      </c>
      <c r="E46" s="22">
        <v>3750</v>
      </c>
      <c r="F46" s="22"/>
      <c r="G46" s="21" t="s">
        <v>88</v>
      </c>
      <c r="H46" s="20"/>
      <c r="I46" s="16">
        <v>5046</v>
      </c>
      <c r="J46" s="22">
        <v>2269</v>
      </c>
      <c r="K46" s="22">
        <v>2777</v>
      </c>
    </row>
    <row r="47" spans="1:11" ht="20.100000000000001" customHeight="1">
      <c r="A47" s="20" t="s">
        <v>89</v>
      </c>
      <c r="B47" s="20"/>
      <c r="C47" s="16">
        <v>40060</v>
      </c>
      <c r="D47" s="17">
        <v>20895</v>
      </c>
      <c r="E47" s="17">
        <v>19165</v>
      </c>
      <c r="F47" s="17"/>
      <c r="G47" s="21" t="s">
        <v>90</v>
      </c>
      <c r="H47" s="20"/>
      <c r="I47" s="16">
        <v>18811</v>
      </c>
      <c r="J47" s="17">
        <v>7572</v>
      </c>
      <c r="K47" s="17">
        <v>11239</v>
      </c>
    </row>
    <row r="48" spans="1:11" ht="15" customHeight="1">
      <c r="A48" s="20" t="s">
        <v>91</v>
      </c>
      <c r="B48" s="20"/>
      <c r="C48" s="16">
        <v>7385</v>
      </c>
      <c r="D48" s="22">
        <v>3915</v>
      </c>
      <c r="E48" s="22">
        <v>3470</v>
      </c>
      <c r="F48" s="22"/>
      <c r="G48" s="21" t="s">
        <v>92</v>
      </c>
      <c r="H48" s="20"/>
      <c r="I48" s="16">
        <v>4916</v>
      </c>
      <c r="J48" s="22">
        <v>2154</v>
      </c>
      <c r="K48" s="22">
        <v>2762</v>
      </c>
    </row>
    <row r="49" spans="1:11" ht="15" customHeight="1">
      <c r="A49" s="20" t="s">
        <v>93</v>
      </c>
      <c r="B49" s="20"/>
      <c r="C49" s="16">
        <v>7753</v>
      </c>
      <c r="D49" s="22">
        <v>4070</v>
      </c>
      <c r="E49" s="22">
        <v>3683</v>
      </c>
      <c r="F49" s="22"/>
      <c r="G49" s="21" t="s">
        <v>94</v>
      </c>
      <c r="H49" s="20"/>
      <c r="I49" s="16">
        <v>4284</v>
      </c>
      <c r="J49" s="22">
        <v>1777</v>
      </c>
      <c r="K49" s="22">
        <v>2507</v>
      </c>
    </row>
    <row r="50" spans="1:11" ht="15" customHeight="1">
      <c r="A50" s="20" t="s">
        <v>95</v>
      </c>
      <c r="B50" s="20"/>
      <c r="C50" s="16">
        <v>7999</v>
      </c>
      <c r="D50" s="22">
        <v>4125</v>
      </c>
      <c r="E50" s="22">
        <v>3874</v>
      </c>
      <c r="F50" s="22"/>
      <c r="G50" s="21" t="s">
        <v>96</v>
      </c>
      <c r="H50" s="20"/>
      <c r="I50" s="16">
        <v>3890</v>
      </c>
      <c r="J50" s="22">
        <v>1573</v>
      </c>
      <c r="K50" s="22">
        <v>2317</v>
      </c>
    </row>
    <row r="51" spans="1:11" ht="15" customHeight="1">
      <c r="A51" s="20" t="s">
        <v>97</v>
      </c>
      <c r="B51" s="20"/>
      <c r="C51" s="16">
        <v>8332</v>
      </c>
      <c r="D51" s="22">
        <v>4365</v>
      </c>
      <c r="E51" s="22">
        <v>3967</v>
      </c>
      <c r="F51" s="22"/>
      <c r="G51" s="21" t="s">
        <v>98</v>
      </c>
      <c r="H51" s="20"/>
      <c r="I51" s="16">
        <v>2968</v>
      </c>
      <c r="J51" s="22">
        <v>1127</v>
      </c>
      <c r="K51" s="22">
        <v>1841</v>
      </c>
    </row>
    <row r="52" spans="1:11" ht="15" customHeight="1">
      <c r="A52" s="20" t="s">
        <v>99</v>
      </c>
      <c r="B52" s="20"/>
      <c r="C52" s="16">
        <v>8591</v>
      </c>
      <c r="D52" s="22">
        <v>4420</v>
      </c>
      <c r="E52" s="22">
        <v>4171</v>
      </c>
      <c r="F52" s="22"/>
      <c r="G52" s="21" t="s">
        <v>100</v>
      </c>
      <c r="H52" s="20"/>
      <c r="I52" s="16">
        <v>2753</v>
      </c>
      <c r="J52" s="22">
        <v>941</v>
      </c>
      <c r="K52" s="22">
        <v>1812</v>
      </c>
    </row>
    <row r="53" spans="1:11" ht="20.100000000000001" customHeight="1">
      <c r="A53" s="20" t="s">
        <v>101</v>
      </c>
      <c r="B53" s="20"/>
      <c r="C53" s="16">
        <v>45751</v>
      </c>
      <c r="D53" s="17">
        <v>23818</v>
      </c>
      <c r="E53" s="17">
        <v>21933</v>
      </c>
      <c r="F53" s="17"/>
      <c r="G53" s="21" t="s">
        <v>102</v>
      </c>
      <c r="H53" s="20"/>
      <c r="I53" s="16">
        <v>8284</v>
      </c>
      <c r="J53" s="17">
        <v>2577</v>
      </c>
      <c r="K53" s="17">
        <v>5707</v>
      </c>
    </row>
    <row r="54" spans="1:11" ht="15" customHeight="1">
      <c r="A54" s="20" t="s">
        <v>103</v>
      </c>
      <c r="B54" s="20"/>
      <c r="C54" s="16">
        <v>8539</v>
      </c>
      <c r="D54" s="22">
        <v>4465</v>
      </c>
      <c r="E54" s="22">
        <v>4074</v>
      </c>
      <c r="F54" s="22"/>
      <c r="G54" s="21" t="s">
        <v>104</v>
      </c>
      <c r="H54" s="20"/>
      <c r="I54" s="16">
        <v>2365</v>
      </c>
      <c r="J54" s="22">
        <v>784</v>
      </c>
      <c r="K54" s="22">
        <v>1581</v>
      </c>
    </row>
    <row r="55" spans="1:11" ht="15" customHeight="1">
      <c r="A55" s="20" t="s">
        <v>105</v>
      </c>
      <c r="B55" s="20"/>
      <c r="C55" s="16">
        <v>8882</v>
      </c>
      <c r="D55" s="22">
        <v>4644</v>
      </c>
      <c r="E55" s="22">
        <v>4238</v>
      </c>
      <c r="F55" s="22"/>
      <c r="G55" s="21" t="s">
        <v>106</v>
      </c>
      <c r="H55" s="20"/>
      <c r="I55" s="16">
        <v>1917</v>
      </c>
      <c r="J55" s="22">
        <v>634</v>
      </c>
      <c r="K55" s="22">
        <v>1283</v>
      </c>
    </row>
    <row r="56" spans="1:11" ht="15" customHeight="1">
      <c r="A56" s="20" t="s">
        <v>107</v>
      </c>
      <c r="B56" s="20"/>
      <c r="C56" s="16">
        <v>9061</v>
      </c>
      <c r="D56" s="22">
        <v>4735</v>
      </c>
      <c r="E56" s="22">
        <v>4326</v>
      </c>
      <c r="F56" s="22"/>
      <c r="G56" s="21" t="s">
        <v>108</v>
      </c>
      <c r="H56" s="20"/>
      <c r="I56" s="16">
        <v>1703</v>
      </c>
      <c r="J56" s="22">
        <v>526</v>
      </c>
      <c r="K56" s="22">
        <v>1177</v>
      </c>
    </row>
    <row r="57" spans="1:11" ht="15" customHeight="1">
      <c r="A57" s="20" t="s">
        <v>109</v>
      </c>
      <c r="B57" s="20"/>
      <c r="C57" s="16">
        <v>9335</v>
      </c>
      <c r="D57" s="22">
        <v>4863</v>
      </c>
      <c r="E57" s="22">
        <v>4472</v>
      </c>
      <c r="F57" s="22"/>
      <c r="G57" s="21" t="s">
        <v>110</v>
      </c>
      <c r="H57" s="20"/>
      <c r="I57" s="16">
        <v>1275</v>
      </c>
      <c r="J57" s="22">
        <v>356</v>
      </c>
      <c r="K57" s="22">
        <v>919</v>
      </c>
    </row>
    <row r="58" spans="1:11" ht="15" customHeight="1">
      <c r="A58" s="20" t="s">
        <v>111</v>
      </c>
      <c r="B58" s="20"/>
      <c r="C58" s="16">
        <v>9934</v>
      </c>
      <c r="D58" s="22">
        <v>5111</v>
      </c>
      <c r="E58" s="22">
        <v>4823</v>
      </c>
      <c r="F58" s="22"/>
      <c r="G58" s="21" t="s">
        <v>112</v>
      </c>
      <c r="H58" s="20"/>
      <c r="I58" s="16">
        <v>1024</v>
      </c>
      <c r="J58" s="22">
        <v>277</v>
      </c>
      <c r="K58" s="22">
        <v>747</v>
      </c>
    </row>
    <row r="59" spans="1:11" ht="20.100000000000001" customHeight="1">
      <c r="A59" s="20" t="s">
        <v>113</v>
      </c>
      <c r="B59" s="20"/>
      <c r="C59" s="16">
        <v>55599</v>
      </c>
      <c r="D59" s="17">
        <v>29040</v>
      </c>
      <c r="E59" s="17">
        <v>26559</v>
      </c>
      <c r="F59" s="17"/>
      <c r="G59" s="21" t="s">
        <v>114</v>
      </c>
      <c r="H59" s="20"/>
      <c r="I59" s="16">
        <v>2062</v>
      </c>
      <c r="J59" s="17">
        <v>428</v>
      </c>
      <c r="K59" s="17">
        <v>1634</v>
      </c>
    </row>
    <row r="60" spans="1:11" ht="15" customHeight="1">
      <c r="A60" s="20" t="s">
        <v>115</v>
      </c>
      <c r="B60" s="20"/>
      <c r="C60" s="16">
        <v>10122</v>
      </c>
      <c r="D60" s="22">
        <v>5245</v>
      </c>
      <c r="E60" s="22">
        <v>4877</v>
      </c>
      <c r="F60" s="22"/>
      <c r="G60" s="21" t="s">
        <v>116</v>
      </c>
      <c r="H60" s="20"/>
      <c r="I60" s="16">
        <v>694</v>
      </c>
      <c r="J60" s="22">
        <v>159</v>
      </c>
      <c r="K60" s="22">
        <v>535</v>
      </c>
    </row>
    <row r="61" spans="1:11" ht="15" customHeight="1">
      <c r="A61" s="20" t="s">
        <v>117</v>
      </c>
      <c r="B61" s="20"/>
      <c r="C61" s="16">
        <v>10487</v>
      </c>
      <c r="D61" s="22">
        <v>5638</v>
      </c>
      <c r="E61" s="22">
        <v>4849</v>
      </c>
      <c r="F61" s="22"/>
      <c r="G61" s="21" t="s">
        <v>118</v>
      </c>
      <c r="H61" s="20"/>
      <c r="I61" s="16">
        <v>493</v>
      </c>
      <c r="J61" s="22">
        <v>110</v>
      </c>
      <c r="K61" s="22">
        <v>383</v>
      </c>
    </row>
    <row r="62" spans="1:11" ht="15" customHeight="1">
      <c r="A62" s="20" t="s">
        <v>119</v>
      </c>
      <c r="B62" s="20"/>
      <c r="C62" s="16">
        <v>10791</v>
      </c>
      <c r="D62" s="22">
        <v>5529</v>
      </c>
      <c r="E62" s="22">
        <v>5262</v>
      </c>
      <c r="F62" s="22"/>
      <c r="G62" s="21" t="s">
        <v>120</v>
      </c>
      <c r="H62" s="20"/>
      <c r="I62" s="16">
        <v>387</v>
      </c>
      <c r="J62" s="22">
        <v>87</v>
      </c>
      <c r="K62" s="22">
        <v>300</v>
      </c>
    </row>
    <row r="63" spans="1:11" ht="15" customHeight="1">
      <c r="A63" s="20" t="s">
        <v>121</v>
      </c>
      <c r="B63" s="20"/>
      <c r="C63" s="16">
        <v>11800</v>
      </c>
      <c r="D63" s="22">
        <v>6195</v>
      </c>
      <c r="E63" s="22">
        <v>5605</v>
      </c>
      <c r="F63" s="22"/>
      <c r="G63" s="21" t="s">
        <v>122</v>
      </c>
      <c r="H63" s="20"/>
      <c r="I63" s="16">
        <v>279</v>
      </c>
      <c r="J63" s="22">
        <v>38</v>
      </c>
      <c r="K63" s="22">
        <v>241</v>
      </c>
    </row>
    <row r="64" spans="1:11" ht="15" customHeight="1">
      <c r="A64" s="20" t="s">
        <v>123</v>
      </c>
      <c r="B64" s="20"/>
      <c r="C64" s="16">
        <v>12399</v>
      </c>
      <c r="D64" s="22">
        <v>6433</v>
      </c>
      <c r="E64" s="22">
        <v>5966</v>
      </c>
      <c r="F64" s="22"/>
      <c r="G64" s="21" t="s">
        <v>124</v>
      </c>
      <c r="H64" s="20"/>
      <c r="I64" s="16">
        <v>209</v>
      </c>
      <c r="J64" s="22">
        <v>34</v>
      </c>
      <c r="K64" s="22">
        <v>175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354</v>
      </c>
      <c r="J65" s="22">
        <v>48</v>
      </c>
      <c r="K65" s="22">
        <v>306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21865</v>
      </c>
      <c r="J66" s="32">
        <v>11547</v>
      </c>
      <c r="K66" s="32">
        <v>10318</v>
      </c>
    </row>
    <row r="68" spans="1:11">
      <c r="F68" s="2"/>
    </row>
    <row r="75" spans="1:11">
      <c r="F75" s="25"/>
    </row>
    <row r="76" spans="1:11">
      <c r="F76" s="26"/>
    </row>
    <row r="77" spans="1:11">
      <c r="F77" s="26"/>
    </row>
    <row r="78" spans="1:11">
      <c r="F78" s="26"/>
    </row>
    <row r="79" spans="1:11">
      <c r="F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1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85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68690</v>
      </c>
      <c r="D4" s="17">
        <v>84776</v>
      </c>
      <c r="E4" s="17">
        <v>83914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4866</v>
      </c>
      <c r="D5" s="17">
        <v>2459</v>
      </c>
      <c r="E5" s="17">
        <v>2407</v>
      </c>
      <c r="F5" s="17"/>
      <c r="G5" s="21" t="s">
        <v>6</v>
      </c>
      <c r="H5" s="20"/>
      <c r="I5" s="16">
        <v>13225</v>
      </c>
      <c r="J5" s="17">
        <v>6917</v>
      </c>
      <c r="K5" s="17">
        <v>6308</v>
      </c>
    </row>
    <row r="6" spans="1:11" ht="15" customHeight="1">
      <c r="A6" s="20" t="s">
        <v>7</v>
      </c>
      <c r="B6" s="20"/>
      <c r="C6" s="16">
        <v>905</v>
      </c>
      <c r="D6" s="22">
        <v>477</v>
      </c>
      <c r="E6" s="22">
        <v>428</v>
      </c>
      <c r="F6" s="22"/>
      <c r="G6" s="21" t="s">
        <v>8</v>
      </c>
      <c r="H6" s="20"/>
      <c r="I6" s="16">
        <v>2757</v>
      </c>
      <c r="J6" s="22">
        <v>1460</v>
      </c>
      <c r="K6" s="22">
        <v>1297</v>
      </c>
    </row>
    <row r="7" spans="1:11" ht="15" customHeight="1">
      <c r="A7" s="20" t="s">
        <v>9</v>
      </c>
      <c r="B7" s="20"/>
      <c r="C7" s="16">
        <v>983</v>
      </c>
      <c r="D7" s="22">
        <v>504</v>
      </c>
      <c r="E7" s="22">
        <v>479</v>
      </c>
      <c r="F7" s="22"/>
      <c r="G7" s="21" t="s">
        <v>10</v>
      </c>
      <c r="H7" s="20"/>
      <c r="I7" s="16">
        <v>2854</v>
      </c>
      <c r="J7" s="22">
        <v>1491</v>
      </c>
      <c r="K7" s="22">
        <v>1363</v>
      </c>
    </row>
    <row r="8" spans="1:11" ht="15" customHeight="1">
      <c r="A8" s="20" t="s">
        <v>11</v>
      </c>
      <c r="B8" s="20"/>
      <c r="C8" s="16">
        <v>975</v>
      </c>
      <c r="D8" s="22">
        <v>484</v>
      </c>
      <c r="E8" s="22">
        <v>491</v>
      </c>
      <c r="F8" s="22"/>
      <c r="G8" s="21" t="s">
        <v>12</v>
      </c>
      <c r="H8" s="20"/>
      <c r="I8" s="16">
        <v>2662</v>
      </c>
      <c r="J8" s="22">
        <v>1430</v>
      </c>
      <c r="K8" s="22">
        <v>1232</v>
      </c>
    </row>
    <row r="9" spans="1:11" ht="15" customHeight="1">
      <c r="A9" s="20" t="s">
        <v>13</v>
      </c>
      <c r="B9" s="20"/>
      <c r="C9" s="16">
        <v>967</v>
      </c>
      <c r="D9" s="22">
        <v>467</v>
      </c>
      <c r="E9" s="22">
        <v>500</v>
      </c>
      <c r="F9" s="22"/>
      <c r="G9" s="21" t="s">
        <v>14</v>
      </c>
      <c r="H9" s="20"/>
      <c r="I9" s="16">
        <v>2577</v>
      </c>
      <c r="J9" s="22">
        <v>1335</v>
      </c>
      <c r="K9" s="22">
        <v>1242</v>
      </c>
    </row>
    <row r="10" spans="1:11" ht="15" customHeight="1">
      <c r="A10" s="20" t="s">
        <v>15</v>
      </c>
      <c r="B10" s="20"/>
      <c r="C10" s="16">
        <v>1036</v>
      </c>
      <c r="D10" s="22">
        <v>527</v>
      </c>
      <c r="E10" s="22">
        <v>509</v>
      </c>
      <c r="F10" s="22"/>
      <c r="G10" s="21" t="s">
        <v>16</v>
      </c>
      <c r="H10" s="20"/>
      <c r="I10" s="16">
        <v>2375</v>
      </c>
      <c r="J10" s="22">
        <v>1201</v>
      </c>
      <c r="K10" s="22">
        <v>1174</v>
      </c>
    </row>
    <row r="11" spans="1:11" ht="20.100000000000001" customHeight="1">
      <c r="A11" s="20" t="s">
        <v>17</v>
      </c>
      <c r="B11" s="20"/>
      <c r="C11" s="16">
        <v>5970</v>
      </c>
      <c r="D11" s="17">
        <v>3022</v>
      </c>
      <c r="E11" s="17">
        <v>2948</v>
      </c>
      <c r="F11" s="17"/>
      <c r="G11" s="21" t="s">
        <v>18</v>
      </c>
      <c r="H11" s="20"/>
      <c r="I11" s="16">
        <v>11157</v>
      </c>
      <c r="J11" s="17">
        <v>5745</v>
      </c>
      <c r="K11" s="17">
        <v>5412</v>
      </c>
    </row>
    <row r="12" spans="1:11" ht="15" customHeight="1">
      <c r="A12" s="20" t="s">
        <v>19</v>
      </c>
      <c r="B12" s="20"/>
      <c r="C12" s="16">
        <v>1108</v>
      </c>
      <c r="D12" s="22">
        <v>558</v>
      </c>
      <c r="E12" s="22">
        <v>550</v>
      </c>
      <c r="F12" s="22"/>
      <c r="G12" s="21" t="s">
        <v>20</v>
      </c>
      <c r="H12" s="20"/>
      <c r="I12" s="16">
        <v>2637</v>
      </c>
      <c r="J12" s="22">
        <v>1368</v>
      </c>
      <c r="K12" s="22">
        <v>1269</v>
      </c>
    </row>
    <row r="13" spans="1:11" ht="15" customHeight="1">
      <c r="A13" s="20" t="s">
        <v>21</v>
      </c>
      <c r="B13" s="20"/>
      <c r="C13" s="16">
        <v>1135</v>
      </c>
      <c r="D13" s="22">
        <v>584</v>
      </c>
      <c r="E13" s="22">
        <v>551</v>
      </c>
      <c r="F13" s="22"/>
      <c r="G13" s="21" t="s">
        <v>22</v>
      </c>
      <c r="H13" s="20"/>
      <c r="I13" s="16">
        <v>1846</v>
      </c>
      <c r="J13" s="22">
        <v>957</v>
      </c>
      <c r="K13" s="22">
        <v>889</v>
      </c>
    </row>
    <row r="14" spans="1:11" ht="15" customHeight="1">
      <c r="A14" s="20" t="s">
        <v>23</v>
      </c>
      <c r="B14" s="20"/>
      <c r="C14" s="16">
        <v>1219</v>
      </c>
      <c r="D14" s="22">
        <v>637</v>
      </c>
      <c r="E14" s="22">
        <v>582</v>
      </c>
      <c r="F14" s="22"/>
      <c r="G14" s="21" t="s">
        <v>24</v>
      </c>
      <c r="H14" s="20"/>
      <c r="I14" s="16">
        <v>2428</v>
      </c>
      <c r="J14" s="22">
        <v>1248</v>
      </c>
      <c r="K14" s="22">
        <v>1180</v>
      </c>
    </row>
    <row r="15" spans="1:11" ht="15" customHeight="1">
      <c r="A15" s="20" t="s">
        <v>25</v>
      </c>
      <c r="B15" s="20"/>
      <c r="C15" s="16">
        <v>1245</v>
      </c>
      <c r="D15" s="22">
        <v>628</v>
      </c>
      <c r="E15" s="22">
        <v>617</v>
      </c>
      <c r="F15" s="22"/>
      <c r="G15" s="21" t="s">
        <v>26</v>
      </c>
      <c r="H15" s="20"/>
      <c r="I15" s="16">
        <v>2201</v>
      </c>
      <c r="J15" s="22">
        <v>1119</v>
      </c>
      <c r="K15" s="22">
        <v>1082</v>
      </c>
    </row>
    <row r="16" spans="1:11" ht="15" customHeight="1">
      <c r="A16" s="20" t="s">
        <v>27</v>
      </c>
      <c r="B16" s="20"/>
      <c r="C16" s="16">
        <v>1263</v>
      </c>
      <c r="D16" s="22">
        <v>615</v>
      </c>
      <c r="E16" s="22">
        <v>648</v>
      </c>
      <c r="F16" s="22"/>
      <c r="G16" s="21" t="s">
        <v>28</v>
      </c>
      <c r="H16" s="20"/>
      <c r="I16" s="16">
        <v>2045</v>
      </c>
      <c r="J16" s="22">
        <v>1053</v>
      </c>
      <c r="K16" s="22">
        <v>992</v>
      </c>
    </row>
    <row r="17" spans="1:11" ht="20.100000000000001" customHeight="1">
      <c r="A17" s="24" t="s">
        <v>29</v>
      </c>
      <c r="B17" s="24"/>
      <c r="C17" s="16">
        <v>6766</v>
      </c>
      <c r="D17" s="17">
        <v>3405</v>
      </c>
      <c r="E17" s="17">
        <v>3361</v>
      </c>
      <c r="F17" s="17"/>
      <c r="G17" s="21" t="s">
        <v>30</v>
      </c>
      <c r="H17" s="20"/>
      <c r="I17" s="16">
        <v>9441</v>
      </c>
      <c r="J17" s="17">
        <v>4811</v>
      </c>
      <c r="K17" s="17">
        <v>4630</v>
      </c>
    </row>
    <row r="18" spans="1:11" ht="15" customHeight="1">
      <c r="A18" s="20" t="s">
        <v>31</v>
      </c>
      <c r="B18" s="20"/>
      <c r="C18" s="16">
        <v>1338</v>
      </c>
      <c r="D18" s="22">
        <v>673</v>
      </c>
      <c r="E18" s="22">
        <v>665</v>
      </c>
      <c r="F18" s="22">
        <v>665</v>
      </c>
      <c r="G18" s="21" t="s">
        <v>32</v>
      </c>
      <c r="H18" s="20"/>
      <c r="I18" s="16">
        <v>1986</v>
      </c>
      <c r="J18" s="22">
        <v>1027</v>
      </c>
      <c r="K18" s="22">
        <v>959</v>
      </c>
    </row>
    <row r="19" spans="1:11" ht="15" customHeight="1">
      <c r="A19" s="20" t="s">
        <v>33</v>
      </c>
      <c r="B19" s="20"/>
      <c r="C19" s="16">
        <v>1319</v>
      </c>
      <c r="D19" s="22">
        <v>685</v>
      </c>
      <c r="E19" s="22">
        <v>634</v>
      </c>
      <c r="F19" s="22">
        <v>634</v>
      </c>
      <c r="G19" s="21" t="s">
        <v>34</v>
      </c>
      <c r="H19" s="20"/>
      <c r="I19" s="16">
        <v>1886</v>
      </c>
      <c r="J19" s="22">
        <v>964</v>
      </c>
      <c r="K19" s="22">
        <v>922</v>
      </c>
    </row>
    <row r="20" spans="1:11" ht="15" customHeight="1">
      <c r="A20" s="20" t="s">
        <v>35</v>
      </c>
      <c r="B20" s="20"/>
      <c r="C20" s="16">
        <v>1345</v>
      </c>
      <c r="D20" s="22">
        <v>670</v>
      </c>
      <c r="E20" s="22">
        <v>675</v>
      </c>
      <c r="F20" s="22">
        <v>675</v>
      </c>
      <c r="G20" s="21" t="s">
        <v>36</v>
      </c>
      <c r="H20" s="20"/>
      <c r="I20" s="16">
        <v>1836</v>
      </c>
      <c r="J20" s="22">
        <v>931</v>
      </c>
      <c r="K20" s="22">
        <v>905</v>
      </c>
    </row>
    <row r="21" spans="1:11" ht="15" customHeight="1">
      <c r="A21" s="20" t="s">
        <v>37</v>
      </c>
      <c r="B21" s="20"/>
      <c r="C21" s="16">
        <v>1408</v>
      </c>
      <c r="D21" s="22">
        <v>690</v>
      </c>
      <c r="E21" s="22">
        <v>718</v>
      </c>
      <c r="F21" s="22">
        <v>718</v>
      </c>
      <c r="G21" s="21" t="s">
        <v>38</v>
      </c>
      <c r="H21" s="20"/>
      <c r="I21" s="16">
        <v>1860</v>
      </c>
      <c r="J21" s="22">
        <v>947</v>
      </c>
      <c r="K21" s="22">
        <v>913</v>
      </c>
    </row>
    <row r="22" spans="1:11" ht="15" customHeight="1">
      <c r="A22" s="20" t="s">
        <v>39</v>
      </c>
      <c r="B22" s="20"/>
      <c r="C22" s="16">
        <v>1356</v>
      </c>
      <c r="D22" s="22">
        <v>687</v>
      </c>
      <c r="E22" s="22">
        <v>669</v>
      </c>
      <c r="F22" s="22">
        <v>669</v>
      </c>
      <c r="G22" s="21" t="s">
        <v>40</v>
      </c>
      <c r="H22" s="20"/>
      <c r="I22" s="16">
        <v>1873</v>
      </c>
      <c r="J22" s="22">
        <v>942</v>
      </c>
      <c r="K22" s="22">
        <v>931</v>
      </c>
    </row>
    <row r="23" spans="1:11" ht="20.100000000000001" customHeight="1">
      <c r="A23" s="20" t="s">
        <v>41</v>
      </c>
      <c r="B23" s="20"/>
      <c r="C23" s="16">
        <v>7469</v>
      </c>
      <c r="D23" s="17">
        <v>3807</v>
      </c>
      <c r="E23" s="17">
        <v>3662</v>
      </c>
      <c r="F23" s="17"/>
      <c r="G23" s="21" t="s">
        <v>42</v>
      </c>
      <c r="H23" s="20"/>
      <c r="I23" s="16">
        <v>9874</v>
      </c>
      <c r="J23" s="17">
        <v>4860</v>
      </c>
      <c r="K23" s="17">
        <v>5014</v>
      </c>
    </row>
    <row r="24" spans="1:11" ht="15" customHeight="1">
      <c r="A24" s="20" t="s">
        <v>43</v>
      </c>
      <c r="B24" s="20"/>
      <c r="C24" s="16">
        <v>1508</v>
      </c>
      <c r="D24" s="22">
        <v>769</v>
      </c>
      <c r="E24" s="22">
        <v>739</v>
      </c>
      <c r="F24" s="22"/>
      <c r="G24" s="21" t="s">
        <v>44</v>
      </c>
      <c r="H24" s="20"/>
      <c r="I24" s="16">
        <v>1810</v>
      </c>
      <c r="J24" s="22">
        <v>921</v>
      </c>
      <c r="K24" s="22">
        <v>889</v>
      </c>
    </row>
    <row r="25" spans="1:11" ht="15" customHeight="1">
      <c r="A25" s="20" t="s">
        <v>45</v>
      </c>
      <c r="B25" s="20"/>
      <c r="C25" s="16">
        <v>1406</v>
      </c>
      <c r="D25" s="22">
        <v>711</v>
      </c>
      <c r="E25" s="22">
        <v>695</v>
      </c>
      <c r="F25" s="22"/>
      <c r="G25" s="21" t="s">
        <v>46</v>
      </c>
      <c r="H25" s="20"/>
      <c r="I25" s="16">
        <v>1890</v>
      </c>
      <c r="J25" s="22">
        <v>927</v>
      </c>
      <c r="K25" s="22">
        <v>963</v>
      </c>
    </row>
    <row r="26" spans="1:11" ht="15" customHeight="1">
      <c r="A26" s="20" t="s">
        <v>47</v>
      </c>
      <c r="B26" s="20"/>
      <c r="C26" s="16">
        <v>1452</v>
      </c>
      <c r="D26" s="22">
        <v>701</v>
      </c>
      <c r="E26" s="22">
        <v>751</v>
      </c>
      <c r="F26" s="22"/>
      <c r="G26" s="21" t="s">
        <v>48</v>
      </c>
      <c r="H26" s="20"/>
      <c r="I26" s="16">
        <v>1964</v>
      </c>
      <c r="J26" s="22">
        <v>965</v>
      </c>
      <c r="K26" s="22">
        <v>999</v>
      </c>
    </row>
    <row r="27" spans="1:11" ht="15" customHeight="1">
      <c r="A27" s="20" t="s">
        <v>49</v>
      </c>
      <c r="B27" s="20"/>
      <c r="C27" s="16">
        <v>1476</v>
      </c>
      <c r="D27" s="22">
        <v>763</v>
      </c>
      <c r="E27" s="22">
        <v>713</v>
      </c>
      <c r="F27" s="22"/>
      <c r="G27" s="21" t="s">
        <v>50</v>
      </c>
      <c r="H27" s="20"/>
      <c r="I27" s="16">
        <v>2123</v>
      </c>
      <c r="J27" s="22">
        <v>1036</v>
      </c>
      <c r="K27" s="22">
        <v>1087</v>
      </c>
    </row>
    <row r="28" spans="1:11" ht="15" customHeight="1">
      <c r="A28" s="20" t="s">
        <v>51</v>
      </c>
      <c r="B28" s="20"/>
      <c r="C28" s="16">
        <v>1627</v>
      </c>
      <c r="D28" s="22">
        <v>863</v>
      </c>
      <c r="E28" s="22">
        <v>764</v>
      </c>
      <c r="F28" s="22"/>
      <c r="G28" s="21" t="s">
        <v>52</v>
      </c>
      <c r="H28" s="20"/>
      <c r="I28" s="16">
        <v>2087</v>
      </c>
      <c r="J28" s="22">
        <v>1011</v>
      </c>
      <c r="K28" s="22">
        <v>1076</v>
      </c>
    </row>
    <row r="29" spans="1:11" ht="20.100000000000001" customHeight="1">
      <c r="A29" s="20" t="s">
        <v>53</v>
      </c>
      <c r="B29" s="20"/>
      <c r="C29" s="16">
        <v>9137</v>
      </c>
      <c r="D29" s="17">
        <v>4537</v>
      </c>
      <c r="E29" s="17">
        <v>4600</v>
      </c>
      <c r="F29" s="17"/>
      <c r="G29" s="21" t="s">
        <v>54</v>
      </c>
      <c r="H29" s="20"/>
      <c r="I29" s="16">
        <v>13319</v>
      </c>
      <c r="J29" s="17">
        <v>6290</v>
      </c>
      <c r="K29" s="17">
        <v>7029</v>
      </c>
    </row>
    <row r="30" spans="1:11" ht="15" customHeight="1">
      <c r="A30" s="20" t="s">
        <v>55</v>
      </c>
      <c r="B30" s="20"/>
      <c r="C30" s="16">
        <v>1720</v>
      </c>
      <c r="D30" s="22">
        <v>886</v>
      </c>
      <c r="E30" s="22">
        <v>834</v>
      </c>
      <c r="F30" s="22"/>
      <c r="G30" s="21" t="s">
        <v>56</v>
      </c>
      <c r="H30" s="20"/>
      <c r="I30" s="16">
        <v>2323</v>
      </c>
      <c r="J30" s="22">
        <v>1088</v>
      </c>
      <c r="K30" s="22">
        <v>1235</v>
      </c>
    </row>
    <row r="31" spans="1:11" ht="15" customHeight="1">
      <c r="A31" s="20" t="s">
        <v>57</v>
      </c>
      <c r="B31" s="20"/>
      <c r="C31" s="16">
        <v>1815</v>
      </c>
      <c r="D31" s="22">
        <v>871</v>
      </c>
      <c r="E31" s="22">
        <v>944</v>
      </c>
      <c r="F31" s="22"/>
      <c r="G31" s="21" t="s">
        <v>58</v>
      </c>
      <c r="H31" s="20"/>
      <c r="I31" s="16">
        <v>2480</v>
      </c>
      <c r="J31" s="22">
        <v>1226</v>
      </c>
      <c r="K31" s="22">
        <v>1254</v>
      </c>
    </row>
    <row r="32" spans="1:11" ht="15" customHeight="1">
      <c r="A32" s="20" t="s">
        <v>59</v>
      </c>
      <c r="B32" s="20"/>
      <c r="C32" s="16">
        <v>1969</v>
      </c>
      <c r="D32" s="22">
        <v>964</v>
      </c>
      <c r="E32" s="22">
        <v>1005</v>
      </c>
      <c r="F32" s="22"/>
      <c r="G32" s="21" t="s">
        <v>60</v>
      </c>
      <c r="H32" s="20"/>
      <c r="I32" s="16">
        <v>2656</v>
      </c>
      <c r="J32" s="22">
        <v>1252</v>
      </c>
      <c r="K32" s="22">
        <v>1404</v>
      </c>
    </row>
    <row r="33" spans="1:11" ht="15" customHeight="1">
      <c r="A33" s="20" t="s">
        <v>61</v>
      </c>
      <c r="B33" s="20"/>
      <c r="C33" s="16">
        <v>1812</v>
      </c>
      <c r="D33" s="22">
        <v>888</v>
      </c>
      <c r="E33" s="22">
        <v>924</v>
      </c>
      <c r="F33" s="22"/>
      <c r="G33" s="21" t="s">
        <v>62</v>
      </c>
      <c r="H33" s="20"/>
      <c r="I33" s="16">
        <v>3005</v>
      </c>
      <c r="J33" s="22">
        <v>1420</v>
      </c>
      <c r="K33" s="22">
        <v>1585</v>
      </c>
    </row>
    <row r="34" spans="1:11" ht="15" customHeight="1">
      <c r="A34" s="20" t="s">
        <v>63</v>
      </c>
      <c r="B34" s="20"/>
      <c r="C34" s="16">
        <v>1821</v>
      </c>
      <c r="D34" s="22">
        <v>928</v>
      </c>
      <c r="E34" s="22">
        <v>893</v>
      </c>
      <c r="F34" s="22"/>
      <c r="G34" s="21" t="s">
        <v>64</v>
      </c>
      <c r="H34" s="20"/>
      <c r="I34" s="16">
        <v>2855</v>
      </c>
      <c r="J34" s="22">
        <v>1304</v>
      </c>
      <c r="K34" s="22">
        <v>1551</v>
      </c>
    </row>
    <row r="35" spans="1:11" ht="20.100000000000001" customHeight="1">
      <c r="A35" s="20" t="s">
        <v>65</v>
      </c>
      <c r="B35" s="20"/>
      <c r="C35" s="16">
        <v>7982</v>
      </c>
      <c r="D35" s="17">
        <v>4218</v>
      </c>
      <c r="E35" s="17">
        <v>3764</v>
      </c>
      <c r="F35" s="17"/>
      <c r="G35" s="21" t="s">
        <v>66</v>
      </c>
      <c r="H35" s="20"/>
      <c r="I35" s="16">
        <v>10747</v>
      </c>
      <c r="J35" s="17">
        <v>5106</v>
      </c>
      <c r="K35" s="17">
        <v>5641</v>
      </c>
    </row>
    <row r="36" spans="1:11" ht="15" customHeight="1">
      <c r="A36" s="20" t="s">
        <v>67</v>
      </c>
      <c r="B36" s="20"/>
      <c r="C36" s="16">
        <v>1682</v>
      </c>
      <c r="D36" s="22">
        <v>869</v>
      </c>
      <c r="E36" s="22">
        <v>813</v>
      </c>
      <c r="F36" s="22"/>
      <c r="G36" s="21" t="s">
        <v>68</v>
      </c>
      <c r="H36" s="20"/>
      <c r="I36" s="16">
        <v>2779</v>
      </c>
      <c r="J36" s="22">
        <v>1349</v>
      </c>
      <c r="K36" s="22">
        <v>1430</v>
      </c>
    </row>
    <row r="37" spans="1:11" ht="15" customHeight="1">
      <c r="A37" s="20" t="s">
        <v>69</v>
      </c>
      <c r="B37" s="20"/>
      <c r="C37" s="16">
        <v>1582</v>
      </c>
      <c r="D37" s="22">
        <v>849</v>
      </c>
      <c r="E37" s="22">
        <v>733</v>
      </c>
      <c r="F37" s="22"/>
      <c r="G37" s="21" t="s">
        <v>70</v>
      </c>
      <c r="H37" s="20"/>
      <c r="I37" s="16">
        <v>2028</v>
      </c>
      <c r="J37" s="22">
        <v>938</v>
      </c>
      <c r="K37" s="22">
        <v>1090</v>
      </c>
    </row>
    <row r="38" spans="1:11" ht="15" customHeight="1">
      <c r="A38" s="20" t="s">
        <v>71</v>
      </c>
      <c r="B38" s="20"/>
      <c r="C38" s="16">
        <v>1559</v>
      </c>
      <c r="D38" s="22">
        <v>818</v>
      </c>
      <c r="E38" s="22">
        <v>741</v>
      </c>
      <c r="F38" s="22"/>
      <c r="G38" s="21" t="s">
        <v>72</v>
      </c>
      <c r="H38" s="20"/>
      <c r="I38" s="16">
        <v>1684</v>
      </c>
      <c r="J38" s="22">
        <v>784</v>
      </c>
      <c r="K38" s="22">
        <v>900</v>
      </c>
    </row>
    <row r="39" spans="1:11" ht="15" customHeight="1">
      <c r="A39" s="20" t="s">
        <v>73</v>
      </c>
      <c r="B39" s="20"/>
      <c r="C39" s="16">
        <v>1642</v>
      </c>
      <c r="D39" s="22">
        <v>862</v>
      </c>
      <c r="E39" s="22">
        <v>780</v>
      </c>
      <c r="F39" s="22"/>
      <c r="G39" s="21" t="s">
        <v>74</v>
      </c>
      <c r="H39" s="20"/>
      <c r="I39" s="16">
        <v>2083</v>
      </c>
      <c r="J39" s="22">
        <v>966</v>
      </c>
      <c r="K39" s="22">
        <v>1117</v>
      </c>
    </row>
    <row r="40" spans="1:11" ht="15" customHeight="1">
      <c r="A40" s="20" t="s">
        <v>75</v>
      </c>
      <c r="B40" s="20"/>
      <c r="C40" s="16">
        <v>1517</v>
      </c>
      <c r="D40" s="22">
        <v>820</v>
      </c>
      <c r="E40" s="22">
        <v>697</v>
      </c>
      <c r="F40" s="22"/>
      <c r="G40" s="21" t="s">
        <v>76</v>
      </c>
      <c r="H40" s="20"/>
      <c r="I40" s="16">
        <v>2173</v>
      </c>
      <c r="J40" s="22">
        <v>1069</v>
      </c>
      <c r="K40" s="22">
        <v>1104</v>
      </c>
    </row>
    <row r="41" spans="1:11" ht="20.100000000000001" customHeight="1">
      <c r="A41" s="20" t="s">
        <v>77</v>
      </c>
      <c r="B41" s="20"/>
      <c r="C41" s="16">
        <v>7856</v>
      </c>
      <c r="D41" s="17">
        <v>4219</v>
      </c>
      <c r="E41" s="17">
        <v>3637</v>
      </c>
      <c r="F41" s="17"/>
      <c r="G41" s="21" t="s">
        <v>78</v>
      </c>
      <c r="H41" s="20"/>
      <c r="I41" s="16">
        <v>7727</v>
      </c>
      <c r="J41" s="17">
        <v>3654</v>
      </c>
      <c r="K41" s="17">
        <v>4073</v>
      </c>
    </row>
    <row r="42" spans="1:11" ht="15" customHeight="1">
      <c r="A42" s="20" t="s">
        <v>79</v>
      </c>
      <c r="B42" s="20"/>
      <c r="C42" s="16">
        <v>1565</v>
      </c>
      <c r="D42" s="22">
        <v>810</v>
      </c>
      <c r="E42" s="22">
        <v>755</v>
      </c>
      <c r="F42" s="22"/>
      <c r="G42" s="21" t="s">
        <v>80</v>
      </c>
      <c r="H42" s="20"/>
      <c r="I42" s="16">
        <v>1886</v>
      </c>
      <c r="J42" s="22">
        <v>905</v>
      </c>
      <c r="K42" s="22">
        <v>981</v>
      </c>
    </row>
    <row r="43" spans="1:11" ht="15" customHeight="1">
      <c r="A43" s="20" t="s">
        <v>81</v>
      </c>
      <c r="B43" s="20"/>
      <c r="C43" s="16">
        <v>1564</v>
      </c>
      <c r="D43" s="22">
        <v>853</v>
      </c>
      <c r="E43" s="22">
        <v>711</v>
      </c>
      <c r="F43" s="22"/>
      <c r="G43" s="21" t="s">
        <v>82</v>
      </c>
      <c r="H43" s="20"/>
      <c r="I43" s="16">
        <v>1870</v>
      </c>
      <c r="J43" s="22">
        <v>932</v>
      </c>
      <c r="K43" s="22">
        <v>938</v>
      </c>
    </row>
    <row r="44" spans="1:11" ht="15" customHeight="1">
      <c r="A44" s="20" t="s">
        <v>83</v>
      </c>
      <c r="B44" s="20"/>
      <c r="C44" s="16">
        <v>1536</v>
      </c>
      <c r="D44" s="22">
        <v>877</v>
      </c>
      <c r="E44" s="22">
        <v>659</v>
      </c>
      <c r="F44" s="22"/>
      <c r="G44" s="21" t="s">
        <v>84</v>
      </c>
      <c r="H44" s="20"/>
      <c r="I44" s="16">
        <v>1574</v>
      </c>
      <c r="J44" s="22">
        <v>723</v>
      </c>
      <c r="K44" s="22">
        <v>851</v>
      </c>
    </row>
    <row r="45" spans="1:11" ht="15" customHeight="1">
      <c r="A45" s="20" t="s">
        <v>85</v>
      </c>
      <c r="B45" s="20"/>
      <c r="C45" s="16">
        <v>1547</v>
      </c>
      <c r="D45" s="22">
        <v>830</v>
      </c>
      <c r="E45" s="22">
        <v>717</v>
      </c>
      <c r="F45" s="22"/>
      <c r="G45" s="21" t="s">
        <v>86</v>
      </c>
      <c r="H45" s="20"/>
      <c r="I45" s="16">
        <v>1286</v>
      </c>
      <c r="J45" s="22">
        <v>596</v>
      </c>
      <c r="K45" s="22">
        <v>690</v>
      </c>
    </row>
    <row r="46" spans="1:11" ht="15" customHeight="1">
      <c r="A46" s="20" t="s">
        <v>87</v>
      </c>
      <c r="B46" s="20"/>
      <c r="C46" s="16">
        <v>1644</v>
      </c>
      <c r="D46" s="22">
        <v>849</v>
      </c>
      <c r="E46" s="22">
        <v>795</v>
      </c>
      <c r="F46" s="22"/>
      <c r="G46" s="21" t="s">
        <v>88</v>
      </c>
      <c r="H46" s="20"/>
      <c r="I46" s="16">
        <v>1111</v>
      </c>
      <c r="J46" s="22">
        <v>498</v>
      </c>
      <c r="K46" s="22">
        <v>613</v>
      </c>
    </row>
    <row r="47" spans="1:11" ht="20.100000000000001" customHeight="1">
      <c r="A47" s="20" t="s">
        <v>89</v>
      </c>
      <c r="B47" s="20"/>
      <c r="C47" s="16">
        <v>8850</v>
      </c>
      <c r="D47" s="17">
        <v>4724</v>
      </c>
      <c r="E47" s="17">
        <v>4126</v>
      </c>
      <c r="F47" s="17"/>
      <c r="G47" s="21" t="s">
        <v>90</v>
      </c>
      <c r="H47" s="20"/>
      <c r="I47" s="16">
        <v>4164</v>
      </c>
      <c r="J47" s="17">
        <v>1695</v>
      </c>
      <c r="K47" s="17">
        <v>2469</v>
      </c>
    </row>
    <row r="48" spans="1:11" ht="15" customHeight="1">
      <c r="A48" s="20" t="s">
        <v>91</v>
      </c>
      <c r="B48" s="20"/>
      <c r="C48" s="16">
        <v>1616</v>
      </c>
      <c r="D48" s="22">
        <v>878</v>
      </c>
      <c r="E48" s="22">
        <v>738</v>
      </c>
      <c r="F48" s="22"/>
      <c r="G48" s="21" t="s">
        <v>92</v>
      </c>
      <c r="H48" s="20"/>
      <c r="I48" s="16">
        <v>1105</v>
      </c>
      <c r="J48" s="22">
        <v>489</v>
      </c>
      <c r="K48" s="22">
        <v>616</v>
      </c>
    </row>
    <row r="49" spans="1:11" ht="15" customHeight="1">
      <c r="A49" s="20" t="s">
        <v>93</v>
      </c>
      <c r="B49" s="20"/>
      <c r="C49" s="16">
        <v>1731</v>
      </c>
      <c r="D49" s="22">
        <v>924</v>
      </c>
      <c r="E49" s="22">
        <v>807</v>
      </c>
      <c r="F49" s="22"/>
      <c r="G49" s="21" t="s">
        <v>94</v>
      </c>
      <c r="H49" s="20"/>
      <c r="I49" s="16">
        <v>926</v>
      </c>
      <c r="J49" s="22">
        <v>402</v>
      </c>
      <c r="K49" s="22">
        <v>524</v>
      </c>
    </row>
    <row r="50" spans="1:11" ht="15" customHeight="1">
      <c r="A50" s="20" t="s">
        <v>95</v>
      </c>
      <c r="B50" s="20"/>
      <c r="C50" s="16">
        <v>1780</v>
      </c>
      <c r="D50" s="22">
        <v>921</v>
      </c>
      <c r="E50" s="22">
        <v>859</v>
      </c>
      <c r="F50" s="22"/>
      <c r="G50" s="21" t="s">
        <v>96</v>
      </c>
      <c r="H50" s="20"/>
      <c r="I50" s="16">
        <v>847</v>
      </c>
      <c r="J50" s="22">
        <v>348</v>
      </c>
      <c r="K50" s="22">
        <v>499</v>
      </c>
    </row>
    <row r="51" spans="1:11" ht="15" customHeight="1">
      <c r="A51" s="20" t="s">
        <v>97</v>
      </c>
      <c r="B51" s="20"/>
      <c r="C51" s="16">
        <v>1869</v>
      </c>
      <c r="D51" s="22">
        <v>1003</v>
      </c>
      <c r="E51" s="22">
        <v>866</v>
      </c>
      <c r="F51" s="22"/>
      <c r="G51" s="21" t="s">
        <v>98</v>
      </c>
      <c r="H51" s="20"/>
      <c r="I51" s="16">
        <v>668</v>
      </c>
      <c r="J51" s="22">
        <v>260</v>
      </c>
      <c r="K51" s="22">
        <v>408</v>
      </c>
    </row>
    <row r="52" spans="1:11" ht="15" customHeight="1">
      <c r="A52" s="20" t="s">
        <v>99</v>
      </c>
      <c r="B52" s="20"/>
      <c r="C52" s="16">
        <v>1854</v>
      </c>
      <c r="D52" s="22">
        <v>998</v>
      </c>
      <c r="E52" s="22">
        <v>856</v>
      </c>
      <c r="F52" s="22"/>
      <c r="G52" s="21" t="s">
        <v>100</v>
      </c>
      <c r="H52" s="20"/>
      <c r="I52" s="16">
        <v>618</v>
      </c>
      <c r="J52" s="22">
        <v>196</v>
      </c>
      <c r="K52" s="22">
        <v>422</v>
      </c>
    </row>
    <row r="53" spans="1:11" ht="20.100000000000001" customHeight="1">
      <c r="A53" s="20" t="s">
        <v>101</v>
      </c>
      <c r="B53" s="20"/>
      <c r="C53" s="16">
        <v>10386</v>
      </c>
      <c r="D53" s="17">
        <v>5328</v>
      </c>
      <c r="E53" s="17">
        <v>5058</v>
      </c>
      <c r="F53" s="17"/>
      <c r="G53" s="21" t="s">
        <v>102</v>
      </c>
      <c r="H53" s="20"/>
      <c r="I53" s="16">
        <v>1955</v>
      </c>
      <c r="J53" s="17">
        <v>589</v>
      </c>
      <c r="K53" s="17">
        <v>1366</v>
      </c>
    </row>
    <row r="54" spans="1:11" ht="15" customHeight="1">
      <c r="A54" s="20" t="s">
        <v>103</v>
      </c>
      <c r="B54" s="20"/>
      <c r="C54" s="16">
        <v>1900</v>
      </c>
      <c r="D54" s="22">
        <v>977</v>
      </c>
      <c r="E54" s="22">
        <v>923</v>
      </c>
      <c r="F54" s="22"/>
      <c r="G54" s="21" t="s">
        <v>104</v>
      </c>
      <c r="H54" s="20"/>
      <c r="I54" s="16">
        <v>519</v>
      </c>
      <c r="J54" s="22">
        <v>170</v>
      </c>
      <c r="K54" s="22">
        <v>349</v>
      </c>
    </row>
    <row r="55" spans="1:11" ht="15" customHeight="1">
      <c r="A55" s="20" t="s">
        <v>105</v>
      </c>
      <c r="B55" s="20"/>
      <c r="C55" s="16">
        <v>1984</v>
      </c>
      <c r="D55" s="22">
        <v>1044</v>
      </c>
      <c r="E55" s="22">
        <v>940</v>
      </c>
      <c r="F55" s="22"/>
      <c r="G55" s="21" t="s">
        <v>106</v>
      </c>
      <c r="H55" s="20"/>
      <c r="I55" s="16">
        <v>506</v>
      </c>
      <c r="J55" s="22">
        <v>155</v>
      </c>
      <c r="K55" s="22">
        <v>351</v>
      </c>
    </row>
    <row r="56" spans="1:11" ht="15" customHeight="1">
      <c r="A56" s="20" t="s">
        <v>107</v>
      </c>
      <c r="B56" s="20"/>
      <c r="C56" s="16">
        <v>1989</v>
      </c>
      <c r="D56" s="22">
        <v>1039</v>
      </c>
      <c r="E56" s="22">
        <v>950</v>
      </c>
      <c r="F56" s="22"/>
      <c r="G56" s="21" t="s">
        <v>108</v>
      </c>
      <c r="H56" s="20"/>
      <c r="I56" s="16">
        <v>385</v>
      </c>
      <c r="J56" s="22">
        <v>116</v>
      </c>
      <c r="K56" s="22">
        <v>269</v>
      </c>
    </row>
    <row r="57" spans="1:11" ht="15" customHeight="1">
      <c r="A57" s="20" t="s">
        <v>109</v>
      </c>
      <c r="B57" s="20"/>
      <c r="C57" s="16">
        <v>2164</v>
      </c>
      <c r="D57" s="22">
        <v>1065</v>
      </c>
      <c r="E57" s="22">
        <v>1099</v>
      </c>
      <c r="F57" s="22"/>
      <c r="G57" s="21" t="s">
        <v>110</v>
      </c>
      <c r="H57" s="20"/>
      <c r="I57" s="16">
        <v>322</v>
      </c>
      <c r="J57" s="22">
        <v>93</v>
      </c>
      <c r="K57" s="22">
        <v>229</v>
      </c>
    </row>
    <row r="58" spans="1:11" ht="15" customHeight="1">
      <c r="A58" s="20" t="s">
        <v>111</v>
      </c>
      <c r="B58" s="20"/>
      <c r="C58" s="16">
        <v>2349</v>
      </c>
      <c r="D58" s="22">
        <v>1203</v>
      </c>
      <c r="E58" s="22">
        <v>1146</v>
      </c>
      <c r="F58" s="22"/>
      <c r="G58" s="21" t="s">
        <v>112</v>
      </c>
      <c r="H58" s="20"/>
      <c r="I58" s="16">
        <v>223</v>
      </c>
      <c r="J58" s="22">
        <v>55</v>
      </c>
      <c r="K58" s="22">
        <v>168</v>
      </c>
    </row>
    <row r="59" spans="1:11" ht="20.100000000000001" customHeight="1">
      <c r="A59" s="20" t="s">
        <v>113</v>
      </c>
      <c r="B59" s="20"/>
      <c r="C59" s="16">
        <v>12930</v>
      </c>
      <c r="D59" s="17">
        <v>6796</v>
      </c>
      <c r="E59" s="17">
        <v>6134</v>
      </c>
      <c r="F59" s="17"/>
      <c r="G59" s="21" t="s">
        <v>114</v>
      </c>
      <c r="H59" s="20"/>
      <c r="I59" s="16">
        <v>511</v>
      </c>
      <c r="J59" s="17">
        <v>99</v>
      </c>
      <c r="K59" s="17">
        <v>412</v>
      </c>
    </row>
    <row r="60" spans="1:11" ht="15" customHeight="1">
      <c r="A60" s="20" t="s">
        <v>115</v>
      </c>
      <c r="B60" s="20"/>
      <c r="C60" s="16">
        <v>2294</v>
      </c>
      <c r="D60" s="22">
        <v>1192</v>
      </c>
      <c r="E60" s="22">
        <v>1102</v>
      </c>
      <c r="F60" s="22"/>
      <c r="G60" s="21" t="s">
        <v>116</v>
      </c>
      <c r="H60" s="20"/>
      <c r="I60" s="16">
        <v>173</v>
      </c>
      <c r="J60" s="22">
        <v>34</v>
      </c>
      <c r="K60" s="22">
        <v>139</v>
      </c>
    </row>
    <row r="61" spans="1:11" ht="15" customHeight="1">
      <c r="A61" s="20" t="s">
        <v>117</v>
      </c>
      <c r="B61" s="20"/>
      <c r="C61" s="16">
        <v>2401</v>
      </c>
      <c r="D61" s="22">
        <v>1304</v>
      </c>
      <c r="E61" s="22">
        <v>1097</v>
      </c>
      <c r="F61" s="22"/>
      <c r="G61" s="21" t="s">
        <v>118</v>
      </c>
      <c r="H61" s="20"/>
      <c r="I61" s="16">
        <v>127</v>
      </c>
      <c r="J61" s="22">
        <v>33</v>
      </c>
      <c r="K61" s="22">
        <v>94</v>
      </c>
    </row>
    <row r="62" spans="1:11" ht="15" customHeight="1">
      <c r="A62" s="20" t="s">
        <v>119</v>
      </c>
      <c r="B62" s="20"/>
      <c r="C62" s="16">
        <v>2502</v>
      </c>
      <c r="D62" s="22">
        <v>1305</v>
      </c>
      <c r="E62" s="22">
        <v>1197</v>
      </c>
      <c r="F62" s="22"/>
      <c r="G62" s="21" t="s">
        <v>120</v>
      </c>
      <c r="H62" s="20"/>
      <c r="I62" s="16">
        <v>89</v>
      </c>
      <c r="J62" s="22">
        <v>19</v>
      </c>
      <c r="K62" s="22">
        <v>70</v>
      </c>
    </row>
    <row r="63" spans="1:11" ht="15" customHeight="1">
      <c r="A63" s="20" t="s">
        <v>121</v>
      </c>
      <c r="B63" s="20"/>
      <c r="C63" s="16">
        <v>2801</v>
      </c>
      <c r="D63" s="22">
        <v>1471</v>
      </c>
      <c r="E63" s="22">
        <v>1330</v>
      </c>
      <c r="F63" s="22"/>
      <c r="G63" s="21" t="s">
        <v>122</v>
      </c>
      <c r="H63" s="20"/>
      <c r="I63" s="16">
        <v>61</v>
      </c>
      <c r="J63" s="22">
        <v>5</v>
      </c>
      <c r="K63" s="22">
        <v>56</v>
      </c>
    </row>
    <row r="64" spans="1:11" ht="15" customHeight="1">
      <c r="A64" s="20" t="s">
        <v>123</v>
      </c>
      <c r="B64" s="20"/>
      <c r="C64" s="16">
        <v>2932</v>
      </c>
      <c r="D64" s="22">
        <v>1524</v>
      </c>
      <c r="E64" s="22">
        <v>1408</v>
      </c>
      <c r="F64" s="22"/>
      <c r="G64" s="21" t="s">
        <v>124</v>
      </c>
      <c r="H64" s="20"/>
      <c r="I64" s="16">
        <v>61</v>
      </c>
      <c r="J64" s="22">
        <v>8</v>
      </c>
      <c r="K64" s="22">
        <v>53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96</v>
      </c>
      <c r="J65" s="22">
        <v>9</v>
      </c>
      <c r="K65" s="22">
        <v>87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4262</v>
      </c>
      <c r="J66" s="32">
        <v>2486</v>
      </c>
      <c r="K66" s="32">
        <v>1776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0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86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74470</v>
      </c>
      <c r="D4" s="17">
        <v>137077</v>
      </c>
      <c r="E4" s="17">
        <v>137393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9061</v>
      </c>
      <c r="D5" s="17">
        <v>4624</v>
      </c>
      <c r="E5" s="17">
        <v>4437</v>
      </c>
      <c r="F5" s="17"/>
      <c r="G5" s="21" t="s">
        <v>6</v>
      </c>
      <c r="H5" s="20"/>
      <c r="I5" s="16">
        <v>23026</v>
      </c>
      <c r="J5" s="17">
        <v>12092</v>
      </c>
      <c r="K5" s="17">
        <v>10934</v>
      </c>
    </row>
    <row r="6" spans="1:11" ht="15" customHeight="1">
      <c r="A6" s="20" t="s">
        <v>7</v>
      </c>
      <c r="B6" s="20"/>
      <c r="C6" s="16">
        <v>1637</v>
      </c>
      <c r="D6" s="22">
        <v>818</v>
      </c>
      <c r="E6" s="22">
        <v>819</v>
      </c>
      <c r="F6" s="22"/>
      <c r="G6" s="21" t="s">
        <v>8</v>
      </c>
      <c r="H6" s="20"/>
      <c r="I6" s="16">
        <v>4834</v>
      </c>
      <c r="J6" s="22">
        <v>2539</v>
      </c>
      <c r="K6" s="22">
        <v>2295</v>
      </c>
    </row>
    <row r="7" spans="1:11" ht="15" customHeight="1">
      <c r="A7" s="20" t="s">
        <v>9</v>
      </c>
      <c r="B7" s="20"/>
      <c r="C7" s="16">
        <v>1760</v>
      </c>
      <c r="D7" s="22">
        <v>907</v>
      </c>
      <c r="E7" s="22">
        <v>853</v>
      </c>
      <c r="F7" s="22"/>
      <c r="G7" s="21" t="s">
        <v>10</v>
      </c>
      <c r="H7" s="20"/>
      <c r="I7" s="16">
        <v>4786</v>
      </c>
      <c r="J7" s="22">
        <v>2489</v>
      </c>
      <c r="K7" s="22">
        <v>2297</v>
      </c>
    </row>
    <row r="8" spans="1:11" ht="15" customHeight="1">
      <c r="A8" s="20" t="s">
        <v>11</v>
      </c>
      <c r="B8" s="20"/>
      <c r="C8" s="16">
        <v>1834</v>
      </c>
      <c r="D8" s="22">
        <v>925</v>
      </c>
      <c r="E8" s="22">
        <v>909</v>
      </c>
      <c r="F8" s="22"/>
      <c r="G8" s="21" t="s">
        <v>12</v>
      </c>
      <c r="H8" s="20"/>
      <c r="I8" s="16">
        <v>4572</v>
      </c>
      <c r="J8" s="22">
        <v>2395</v>
      </c>
      <c r="K8" s="22">
        <v>2177</v>
      </c>
    </row>
    <row r="9" spans="1:11" ht="15" customHeight="1">
      <c r="A9" s="20" t="s">
        <v>13</v>
      </c>
      <c r="B9" s="20"/>
      <c r="C9" s="16">
        <v>1843</v>
      </c>
      <c r="D9" s="22">
        <v>972</v>
      </c>
      <c r="E9" s="22">
        <v>871</v>
      </c>
      <c r="F9" s="22"/>
      <c r="G9" s="21" t="s">
        <v>14</v>
      </c>
      <c r="H9" s="20"/>
      <c r="I9" s="16">
        <v>4561</v>
      </c>
      <c r="J9" s="22">
        <v>2382</v>
      </c>
      <c r="K9" s="22">
        <v>2179</v>
      </c>
    </row>
    <row r="10" spans="1:11" ht="15" customHeight="1">
      <c r="A10" s="20" t="s">
        <v>15</v>
      </c>
      <c r="B10" s="20"/>
      <c r="C10" s="16">
        <v>1987</v>
      </c>
      <c r="D10" s="22">
        <v>1002</v>
      </c>
      <c r="E10" s="22">
        <v>985</v>
      </c>
      <c r="F10" s="22"/>
      <c r="G10" s="21" t="s">
        <v>16</v>
      </c>
      <c r="H10" s="20"/>
      <c r="I10" s="16">
        <v>4273</v>
      </c>
      <c r="J10" s="22">
        <v>2287</v>
      </c>
      <c r="K10" s="22">
        <v>1986</v>
      </c>
    </row>
    <row r="11" spans="1:11" ht="20.100000000000001" customHeight="1">
      <c r="A11" s="20" t="s">
        <v>17</v>
      </c>
      <c r="B11" s="20"/>
      <c r="C11" s="16">
        <v>10624</v>
      </c>
      <c r="D11" s="17">
        <v>5539</v>
      </c>
      <c r="E11" s="17">
        <v>5085</v>
      </c>
      <c r="F11" s="17"/>
      <c r="G11" s="21" t="s">
        <v>18</v>
      </c>
      <c r="H11" s="20"/>
      <c r="I11" s="16">
        <v>19046</v>
      </c>
      <c r="J11" s="17">
        <v>9974</v>
      </c>
      <c r="K11" s="17">
        <v>9072</v>
      </c>
    </row>
    <row r="12" spans="1:11" ht="15" customHeight="1">
      <c r="A12" s="20" t="s">
        <v>19</v>
      </c>
      <c r="B12" s="20"/>
      <c r="C12" s="16">
        <v>1937</v>
      </c>
      <c r="D12" s="22">
        <v>974</v>
      </c>
      <c r="E12" s="22">
        <v>963</v>
      </c>
      <c r="F12" s="22"/>
      <c r="G12" s="21" t="s">
        <v>20</v>
      </c>
      <c r="H12" s="20"/>
      <c r="I12" s="16">
        <v>4486</v>
      </c>
      <c r="J12" s="22">
        <v>2345</v>
      </c>
      <c r="K12" s="22">
        <v>2141</v>
      </c>
    </row>
    <row r="13" spans="1:11" ht="15" customHeight="1">
      <c r="A13" s="20" t="s">
        <v>21</v>
      </c>
      <c r="B13" s="20"/>
      <c r="C13" s="16">
        <v>2019</v>
      </c>
      <c r="D13" s="22">
        <v>1054</v>
      </c>
      <c r="E13" s="22">
        <v>965</v>
      </c>
      <c r="F13" s="22"/>
      <c r="G13" s="21" t="s">
        <v>22</v>
      </c>
      <c r="H13" s="20"/>
      <c r="I13" s="16">
        <v>3259</v>
      </c>
      <c r="J13" s="22">
        <v>1703</v>
      </c>
      <c r="K13" s="22">
        <v>1556</v>
      </c>
    </row>
    <row r="14" spans="1:11" ht="15" customHeight="1">
      <c r="A14" s="20" t="s">
        <v>23</v>
      </c>
      <c r="B14" s="20"/>
      <c r="C14" s="16">
        <v>2151</v>
      </c>
      <c r="D14" s="22">
        <v>1154</v>
      </c>
      <c r="E14" s="22">
        <v>997</v>
      </c>
      <c r="F14" s="22"/>
      <c r="G14" s="21" t="s">
        <v>24</v>
      </c>
      <c r="H14" s="20"/>
      <c r="I14" s="16">
        <v>4059</v>
      </c>
      <c r="J14" s="22">
        <v>2138</v>
      </c>
      <c r="K14" s="22">
        <v>1921</v>
      </c>
    </row>
    <row r="15" spans="1:11" ht="15" customHeight="1">
      <c r="A15" s="20" t="s">
        <v>25</v>
      </c>
      <c r="B15" s="20"/>
      <c r="C15" s="16">
        <v>2220</v>
      </c>
      <c r="D15" s="22">
        <v>1129</v>
      </c>
      <c r="E15" s="22">
        <v>1091</v>
      </c>
      <c r="F15" s="22"/>
      <c r="G15" s="21" t="s">
        <v>26</v>
      </c>
      <c r="H15" s="20"/>
      <c r="I15" s="16">
        <v>3736</v>
      </c>
      <c r="J15" s="22">
        <v>1970</v>
      </c>
      <c r="K15" s="22">
        <v>1766</v>
      </c>
    </row>
    <row r="16" spans="1:11" ht="15" customHeight="1">
      <c r="A16" s="20" t="s">
        <v>27</v>
      </c>
      <c r="B16" s="20"/>
      <c r="C16" s="16">
        <v>2297</v>
      </c>
      <c r="D16" s="22">
        <v>1228</v>
      </c>
      <c r="E16" s="22">
        <v>1069</v>
      </c>
      <c r="F16" s="22"/>
      <c r="G16" s="21" t="s">
        <v>28</v>
      </c>
      <c r="H16" s="20"/>
      <c r="I16" s="16">
        <v>3506</v>
      </c>
      <c r="J16" s="22">
        <v>1818</v>
      </c>
      <c r="K16" s="22">
        <v>1688</v>
      </c>
    </row>
    <row r="17" spans="1:11" ht="20.100000000000001" customHeight="1">
      <c r="A17" s="24" t="s">
        <v>29</v>
      </c>
      <c r="B17" s="24"/>
      <c r="C17" s="16">
        <v>11500</v>
      </c>
      <c r="D17" s="17">
        <v>5888</v>
      </c>
      <c r="E17" s="17">
        <v>5612</v>
      </c>
      <c r="F17" s="17"/>
      <c r="G17" s="21" t="s">
        <v>30</v>
      </c>
      <c r="H17" s="20"/>
      <c r="I17" s="16">
        <v>14913</v>
      </c>
      <c r="J17" s="17">
        <v>7580</v>
      </c>
      <c r="K17" s="17">
        <v>7333</v>
      </c>
    </row>
    <row r="18" spans="1:11" ht="15" customHeight="1">
      <c r="A18" s="20" t="s">
        <v>31</v>
      </c>
      <c r="B18" s="20"/>
      <c r="C18" s="16">
        <v>2234</v>
      </c>
      <c r="D18" s="22">
        <v>1150</v>
      </c>
      <c r="E18" s="22">
        <v>1084</v>
      </c>
      <c r="F18" s="22">
        <v>1084</v>
      </c>
      <c r="G18" s="21" t="s">
        <v>32</v>
      </c>
      <c r="H18" s="20"/>
      <c r="I18" s="16">
        <v>3210</v>
      </c>
      <c r="J18" s="22">
        <v>1616</v>
      </c>
      <c r="K18" s="22">
        <v>1594</v>
      </c>
    </row>
    <row r="19" spans="1:11" ht="15" customHeight="1">
      <c r="A19" s="20" t="s">
        <v>33</v>
      </c>
      <c r="B19" s="20"/>
      <c r="C19" s="16">
        <v>2266</v>
      </c>
      <c r="D19" s="22">
        <v>1157</v>
      </c>
      <c r="E19" s="22">
        <v>1109</v>
      </c>
      <c r="F19" s="22">
        <v>1109</v>
      </c>
      <c r="G19" s="21" t="s">
        <v>34</v>
      </c>
      <c r="H19" s="20"/>
      <c r="I19" s="16">
        <v>3065</v>
      </c>
      <c r="J19" s="22">
        <v>1588</v>
      </c>
      <c r="K19" s="22">
        <v>1477</v>
      </c>
    </row>
    <row r="20" spans="1:11" ht="15" customHeight="1">
      <c r="A20" s="20" t="s">
        <v>35</v>
      </c>
      <c r="B20" s="20"/>
      <c r="C20" s="16">
        <v>2298</v>
      </c>
      <c r="D20" s="22">
        <v>1156</v>
      </c>
      <c r="E20" s="22">
        <v>1142</v>
      </c>
      <c r="F20" s="22">
        <v>1142</v>
      </c>
      <c r="G20" s="21" t="s">
        <v>36</v>
      </c>
      <c r="H20" s="20"/>
      <c r="I20" s="16">
        <v>3075</v>
      </c>
      <c r="J20" s="22">
        <v>1555</v>
      </c>
      <c r="K20" s="22">
        <v>1520</v>
      </c>
    </row>
    <row r="21" spans="1:11" ht="15" customHeight="1">
      <c r="A21" s="20" t="s">
        <v>37</v>
      </c>
      <c r="B21" s="20"/>
      <c r="C21" s="16">
        <v>2301</v>
      </c>
      <c r="D21" s="22">
        <v>1178</v>
      </c>
      <c r="E21" s="22">
        <v>1123</v>
      </c>
      <c r="F21" s="22">
        <v>1123</v>
      </c>
      <c r="G21" s="21" t="s">
        <v>38</v>
      </c>
      <c r="H21" s="20"/>
      <c r="I21" s="16">
        <v>2798</v>
      </c>
      <c r="J21" s="22">
        <v>1406</v>
      </c>
      <c r="K21" s="22">
        <v>1392</v>
      </c>
    </row>
    <row r="22" spans="1:11" ht="15" customHeight="1">
      <c r="A22" s="20" t="s">
        <v>39</v>
      </c>
      <c r="B22" s="20"/>
      <c r="C22" s="16">
        <v>2401</v>
      </c>
      <c r="D22" s="22">
        <v>1247</v>
      </c>
      <c r="E22" s="22">
        <v>1154</v>
      </c>
      <c r="F22" s="22">
        <v>1154</v>
      </c>
      <c r="G22" s="21" t="s">
        <v>40</v>
      </c>
      <c r="H22" s="20"/>
      <c r="I22" s="16">
        <v>2765</v>
      </c>
      <c r="J22" s="22">
        <v>1415</v>
      </c>
      <c r="K22" s="22">
        <v>1350</v>
      </c>
    </row>
    <row r="23" spans="1:11" ht="20.100000000000001" customHeight="1">
      <c r="A23" s="20" t="s">
        <v>41</v>
      </c>
      <c r="B23" s="20"/>
      <c r="C23" s="16">
        <v>12073</v>
      </c>
      <c r="D23" s="17">
        <v>6118</v>
      </c>
      <c r="E23" s="17">
        <v>5955</v>
      </c>
      <c r="F23" s="17"/>
      <c r="G23" s="21" t="s">
        <v>42</v>
      </c>
      <c r="H23" s="20"/>
      <c r="I23" s="16">
        <v>13850</v>
      </c>
      <c r="J23" s="17">
        <v>7036</v>
      </c>
      <c r="K23" s="17">
        <v>6814</v>
      </c>
    </row>
    <row r="24" spans="1:11" ht="15" customHeight="1">
      <c r="A24" s="20" t="s">
        <v>43</v>
      </c>
      <c r="B24" s="20"/>
      <c r="C24" s="16">
        <v>2337</v>
      </c>
      <c r="D24" s="22">
        <v>1185</v>
      </c>
      <c r="E24" s="22">
        <v>1152</v>
      </c>
      <c r="F24" s="22"/>
      <c r="G24" s="21" t="s">
        <v>44</v>
      </c>
      <c r="H24" s="20"/>
      <c r="I24" s="16">
        <v>2638</v>
      </c>
      <c r="J24" s="22">
        <v>1345</v>
      </c>
      <c r="K24" s="22">
        <v>1293</v>
      </c>
    </row>
    <row r="25" spans="1:11" ht="15" customHeight="1">
      <c r="A25" s="20" t="s">
        <v>45</v>
      </c>
      <c r="B25" s="20"/>
      <c r="C25" s="16">
        <v>2409</v>
      </c>
      <c r="D25" s="22">
        <v>1281</v>
      </c>
      <c r="E25" s="22">
        <v>1128</v>
      </c>
      <c r="F25" s="22"/>
      <c r="G25" s="21" t="s">
        <v>46</v>
      </c>
      <c r="H25" s="20"/>
      <c r="I25" s="16">
        <v>2786</v>
      </c>
      <c r="J25" s="22">
        <v>1429</v>
      </c>
      <c r="K25" s="22">
        <v>1357</v>
      </c>
    </row>
    <row r="26" spans="1:11" ht="15" customHeight="1">
      <c r="A26" s="20" t="s">
        <v>47</v>
      </c>
      <c r="B26" s="20"/>
      <c r="C26" s="16">
        <v>2348</v>
      </c>
      <c r="D26" s="22">
        <v>1146</v>
      </c>
      <c r="E26" s="22">
        <v>1202</v>
      </c>
      <c r="F26" s="22"/>
      <c r="G26" s="21" t="s">
        <v>48</v>
      </c>
      <c r="H26" s="20"/>
      <c r="I26" s="16">
        <v>2794</v>
      </c>
      <c r="J26" s="22">
        <v>1468</v>
      </c>
      <c r="K26" s="22">
        <v>1326</v>
      </c>
    </row>
    <row r="27" spans="1:11" ht="15" customHeight="1">
      <c r="A27" s="20" t="s">
        <v>49</v>
      </c>
      <c r="B27" s="20"/>
      <c r="C27" s="16">
        <v>2334</v>
      </c>
      <c r="D27" s="22">
        <v>1182</v>
      </c>
      <c r="E27" s="22">
        <v>1152</v>
      </c>
      <c r="F27" s="22"/>
      <c r="G27" s="21" t="s">
        <v>50</v>
      </c>
      <c r="H27" s="20"/>
      <c r="I27" s="16">
        <v>2739</v>
      </c>
      <c r="J27" s="22">
        <v>1386</v>
      </c>
      <c r="K27" s="22">
        <v>1353</v>
      </c>
    </row>
    <row r="28" spans="1:11" ht="15" customHeight="1">
      <c r="A28" s="20" t="s">
        <v>51</v>
      </c>
      <c r="B28" s="20"/>
      <c r="C28" s="16">
        <v>2645</v>
      </c>
      <c r="D28" s="22">
        <v>1324</v>
      </c>
      <c r="E28" s="22">
        <v>1321</v>
      </c>
      <c r="F28" s="22"/>
      <c r="G28" s="21" t="s">
        <v>52</v>
      </c>
      <c r="H28" s="20"/>
      <c r="I28" s="16">
        <v>2893</v>
      </c>
      <c r="J28" s="22">
        <v>1408</v>
      </c>
      <c r="K28" s="22">
        <v>1485</v>
      </c>
    </row>
    <row r="29" spans="1:11" ht="20.100000000000001" customHeight="1">
      <c r="A29" s="20" t="s">
        <v>53</v>
      </c>
      <c r="B29" s="20"/>
      <c r="C29" s="16">
        <v>15510</v>
      </c>
      <c r="D29" s="17">
        <v>7884</v>
      </c>
      <c r="E29" s="17">
        <v>7626</v>
      </c>
      <c r="F29" s="17"/>
      <c r="G29" s="21" t="s">
        <v>54</v>
      </c>
      <c r="H29" s="20"/>
      <c r="I29" s="16">
        <v>17378</v>
      </c>
      <c r="J29" s="17">
        <v>8102</v>
      </c>
      <c r="K29" s="17">
        <v>9276</v>
      </c>
    </row>
    <row r="30" spans="1:11" ht="15" customHeight="1">
      <c r="A30" s="20" t="s">
        <v>55</v>
      </c>
      <c r="B30" s="20"/>
      <c r="C30" s="16">
        <v>2808</v>
      </c>
      <c r="D30" s="22">
        <v>1422</v>
      </c>
      <c r="E30" s="22">
        <v>1386</v>
      </c>
      <c r="F30" s="22"/>
      <c r="G30" s="21" t="s">
        <v>56</v>
      </c>
      <c r="H30" s="20"/>
      <c r="I30" s="16">
        <v>3136</v>
      </c>
      <c r="J30" s="22">
        <v>1504</v>
      </c>
      <c r="K30" s="22">
        <v>1632</v>
      </c>
    </row>
    <row r="31" spans="1:11" ht="15" customHeight="1">
      <c r="A31" s="20" t="s">
        <v>57</v>
      </c>
      <c r="B31" s="20"/>
      <c r="C31" s="16">
        <v>3150</v>
      </c>
      <c r="D31" s="22">
        <v>1595</v>
      </c>
      <c r="E31" s="22">
        <v>1555</v>
      </c>
      <c r="F31" s="22"/>
      <c r="G31" s="21" t="s">
        <v>58</v>
      </c>
      <c r="H31" s="20"/>
      <c r="I31" s="16">
        <v>3167</v>
      </c>
      <c r="J31" s="22">
        <v>1560</v>
      </c>
      <c r="K31" s="22">
        <v>1607</v>
      </c>
    </row>
    <row r="32" spans="1:11" ht="15" customHeight="1">
      <c r="A32" s="20" t="s">
        <v>59</v>
      </c>
      <c r="B32" s="20"/>
      <c r="C32" s="16">
        <v>3295</v>
      </c>
      <c r="D32" s="22">
        <v>1646</v>
      </c>
      <c r="E32" s="22">
        <v>1649</v>
      </c>
      <c r="F32" s="22"/>
      <c r="G32" s="21" t="s">
        <v>60</v>
      </c>
      <c r="H32" s="20"/>
      <c r="I32" s="16">
        <v>3381</v>
      </c>
      <c r="J32" s="22">
        <v>1545</v>
      </c>
      <c r="K32" s="22">
        <v>1836</v>
      </c>
    </row>
    <row r="33" spans="1:11" ht="15" customHeight="1">
      <c r="A33" s="20" t="s">
        <v>61</v>
      </c>
      <c r="B33" s="20"/>
      <c r="C33" s="16">
        <v>3228</v>
      </c>
      <c r="D33" s="22">
        <v>1674</v>
      </c>
      <c r="E33" s="22">
        <v>1554</v>
      </c>
      <c r="F33" s="22"/>
      <c r="G33" s="21" t="s">
        <v>62</v>
      </c>
      <c r="H33" s="20"/>
      <c r="I33" s="16">
        <v>3826</v>
      </c>
      <c r="J33" s="22">
        <v>1766</v>
      </c>
      <c r="K33" s="22">
        <v>2060</v>
      </c>
    </row>
    <row r="34" spans="1:11" ht="15" customHeight="1">
      <c r="A34" s="20" t="s">
        <v>63</v>
      </c>
      <c r="B34" s="20"/>
      <c r="C34" s="16">
        <v>3029</v>
      </c>
      <c r="D34" s="22">
        <v>1547</v>
      </c>
      <c r="E34" s="22">
        <v>1482</v>
      </c>
      <c r="F34" s="22"/>
      <c r="G34" s="21" t="s">
        <v>64</v>
      </c>
      <c r="H34" s="20"/>
      <c r="I34" s="16">
        <v>3868</v>
      </c>
      <c r="J34" s="22">
        <v>1727</v>
      </c>
      <c r="K34" s="22">
        <v>2141</v>
      </c>
    </row>
    <row r="35" spans="1:11" ht="20.100000000000001" customHeight="1">
      <c r="A35" s="20" t="s">
        <v>65</v>
      </c>
      <c r="B35" s="20"/>
      <c r="C35" s="16">
        <v>14140</v>
      </c>
      <c r="D35" s="17">
        <v>7265</v>
      </c>
      <c r="E35" s="17">
        <v>6875</v>
      </c>
      <c r="F35" s="17"/>
      <c r="G35" s="21" t="s">
        <v>66</v>
      </c>
      <c r="H35" s="20"/>
      <c r="I35" s="16">
        <v>14882</v>
      </c>
      <c r="J35" s="17">
        <v>6617</v>
      </c>
      <c r="K35" s="17">
        <v>8265</v>
      </c>
    </row>
    <row r="36" spans="1:11" ht="15" customHeight="1">
      <c r="A36" s="20" t="s">
        <v>67</v>
      </c>
      <c r="B36" s="20"/>
      <c r="C36" s="16">
        <v>2904</v>
      </c>
      <c r="D36" s="22">
        <v>1527</v>
      </c>
      <c r="E36" s="22">
        <v>1377</v>
      </c>
      <c r="F36" s="22"/>
      <c r="G36" s="21" t="s">
        <v>68</v>
      </c>
      <c r="H36" s="20"/>
      <c r="I36" s="16">
        <v>3806</v>
      </c>
      <c r="J36" s="22">
        <v>1694</v>
      </c>
      <c r="K36" s="22">
        <v>2112</v>
      </c>
    </row>
    <row r="37" spans="1:11" ht="15" customHeight="1">
      <c r="A37" s="20" t="s">
        <v>69</v>
      </c>
      <c r="B37" s="20"/>
      <c r="C37" s="16">
        <v>2925</v>
      </c>
      <c r="D37" s="22">
        <v>1471</v>
      </c>
      <c r="E37" s="22">
        <v>1454</v>
      </c>
      <c r="F37" s="22"/>
      <c r="G37" s="21" t="s">
        <v>70</v>
      </c>
      <c r="H37" s="20"/>
      <c r="I37" s="16">
        <v>2582</v>
      </c>
      <c r="J37" s="22">
        <v>1154</v>
      </c>
      <c r="K37" s="22">
        <v>1428</v>
      </c>
    </row>
    <row r="38" spans="1:11" ht="15" customHeight="1">
      <c r="A38" s="20" t="s">
        <v>71</v>
      </c>
      <c r="B38" s="20"/>
      <c r="C38" s="16">
        <v>2827</v>
      </c>
      <c r="D38" s="22">
        <v>1406</v>
      </c>
      <c r="E38" s="22">
        <v>1421</v>
      </c>
      <c r="F38" s="22"/>
      <c r="G38" s="21" t="s">
        <v>72</v>
      </c>
      <c r="H38" s="20"/>
      <c r="I38" s="16">
        <v>2427</v>
      </c>
      <c r="J38" s="22">
        <v>1080</v>
      </c>
      <c r="K38" s="22">
        <v>1347</v>
      </c>
    </row>
    <row r="39" spans="1:11" ht="15" customHeight="1">
      <c r="A39" s="20" t="s">
        <v>73</v>
      </c>
      <c r="B39" s="20"/>
      <c r="C39" s="16">
        <v>2826</v>
      </c>
      <c r="D39" s="22">
        <v>1476</v>
      </c>
      <c r="E39" s="22">
        <v>1350</v>
      </c>
      <c r="F39" s="22"/>
      <c r="G39" s="21" t="s">
        <v>74</v>
      </c>
      <c r="H39" s="20"/>
      <c r="I39" s="16">
        <v>2976</v>
      </c>
      <c r="J39" s="22">
        <v>1333</v>
      </c>
      <c r="K39" s="22">
        <v>1643</v>
      </c>
    </row>
    <row r="40" spans="1:11" ht="15" customHeight="1">
      <c r="A40" s="20" t="s">
        <v>75</v>
      </c>
      <c r="B40" s="20"/>
      <c r="C40" s="16">
        <v>2658</v>
      </c>
      <c r="D40" s="22">
        <v>1385</v>
      </c>
      <c r="E40" s="22">
        <v>1273</v>
      </c>
      <c r="F40" s="22"/>
      <c r="G40" s="21" t="s">
        <v>76</v>
      </c>
      <c r="H40" s="20"/>
      <c r="I40" s="16">
        <v>3091</v>
      </c>
      <c r="J40" s="22">
        <v>1356</v>
      </c>
      <c r="K40" s="22">
        <v>1735</v>
      </c>
    </row>
    <row r="41" spans="1:11" ht="20.100000000000001" customHeight="1">
      <c r="A41" s="20" t="s">
        <v>77</v>
      </c>
      <c r="B41" s="20"/>
      <c r="C41" s="16">
        <v>14054</v>
      </c>
      <c r="D41" s="17">
        <v>7309</v>
      </c>
      <c r="E41" s="17">
        <v>6745</v>
      </c>
      <c r="F41" s="17"/>
      <c r="G41" s="21" t="s">
        <v>78</v>
      </c>
      <c r="H41" s="20"/>
      <c r="I41" s="16">
        <v>11811</v>
      </c>
      <c r="J41" s="17">
        <v>5284</v>
      </c>
      <c r="K41" s="17">
        <v>6527</v>
      </c>
    </row>
    <row r="42" spans="1:11" ht="15" customHeight="1">
      <c r="A42" s="20" t="s">
        <v>79</v>
      </c>
      <c r="B42" s="20"/>
      <c r="C42" s="16">
        <v>2867</v>
      </c>
      <c r="D42" s="22">
        <v>1511</v>
      </c>
      <c r="E42" s="22">
        <v>1356</v>
      </c>
      <c r="F42" s="22"/>
      <c r="G42" s="21" t="s">
        <v>80</v>
      </c>
      <c r="H42" s="20"/>
      <c r="I42" s="16">
        <v>2853</v>
      </c>
      <c r="J42" s="22">
        <v>1264</v>
      </c>
      <c r="K42" s="22">
        <v>1589</v>
      </c>
    </row>
    <row r="43" spans="1:11" ht="15" customHeight="1">
      <c r="A43" s="20" t="s">
        <v>81</v>
      </c>
      <c r="B43" s="20"/>
      <c r="C43" s="16">
        <v>2765</v>
      </c>
      <c r="D43" s="22">
        <v>1441</v>
      </c>
      <c r="E43" s="22">
        <v>1324</v>
      </c>
      <c r="F43" s="22"/>
      <c r="G43" s="21" t="s">
        <v>82</v>
      </c>
      <c r="H43" s="20"/>
      <c r="I43" s="16">
        <v>2752</v>
      </c>
      <c r="J43" s="22">
        <v>1208</v>
      </c>
      <c r="K43" s="22">
        <v>1544</v>
      </c>
    </row>
    <row r="44" spans="1:11" ht="15" customHeight="1">
      <c r="A44" s="20" t="s">
        <v>83</v>
      </c>
      <c r="B44" s="20"/>
      <c r="C44" s="16">
        <v>2714</v>
      </c>
      <c r="D44" s="22">
        <v>1389</v>
      </c>
      <c r="E44" s="22">
        <v>1325</v>
      </c>
      <c r="F44" s="22"/>
      <c r="G44" s="21" t="s">
        <v>84</v>
      </c>
      <c r="H44" s="20"/>
      <c r="I44" s="16">
        <v>2420</v>
      </c>
      <c r="J44" s="22">
        <v>1089</v>
      </c>
      <c r="K44" s="22">
        <v>1331</v>
      </c>
    </row>
    <row r="45" spans="1:11" ht="15" customHeight="1">
      <c r="A45" s="20" t="s">
        <v>85</v>
      </c>
      <c r="B45" s="20"/>
      <c r="C45" s="16">
        <v>2800</v>
      </c>
      <c r="D45" s="22">
        <v>1456</v>
      </c>
      <c r="E45" s="22">
        <v>1344</v>
      </c>
      <c r="F45" s="22"/>
      <c r="G45" s="21" t="s">
        <v>86</v>
      </c>
      <c r="H45" s="20"/>
      <c r="I45" s="16">
        <v>1972</v>
      </c>
      <c r="J45" s="22">
        <v>900</v>
      </c>
      <c r="K45" s="22">
        <v>1072</v>
      </c>
    </row>
    <row r="46" spans="1:11" ht="15" customHeight="1">
      <c r="A46" s="20" t="s">
        <v>87</v>
      </c>
      <c r="B46" s="20"/>
      <c r="C46" s="16">
        <v>2908</v>
      </c>
      <c r="D46" s="22">
        <v>1512</v>
      </c>
      <c r="E46" s="22">
        <v>1396</v>
      </c>
      <c r="F46" s="22"/>
      <c r="G46" s="21" t="s">
        <v>88</v>
      </c>
      <c r="H46" s="20"/>
      <c r="I46" s="16">
        <v>1814</v>
      </c>
      <c r="J46" s="22">
        <v>823</v>
      </c>
      <c r="K46" s="22">
        <v>991</v>
      </c>
    </row>
    <row r="47" spans="1:11" ht="20.100000000000001" customHeight="1">
      <c r="A47" s="20" t="s">
        <v>89</v>
      </c>
      <c r="B47" s="20"/>
      <c r="C47" s="16">
        <v>15371</v>
      </c>
      <c r="D47" s="17">
        <v>7921</v>
      </c>
      <c r="E47" s="17">
        <v>7450</v>
      </c>
      <c r="F47" s="17"/>
      <c r="G47" s="21" t="s">
        <v>90</v>
      </c>
      <c r="H47" s="20"/>
      <c r="I47" s="16">
        <v>6565</v>
      </c>
      <c r="J47" s="17">
        <v>2677</v>
      </c>
      <c r="K47" s="17">
        <v>3888</v>
      </c>
    </row>
    <row r="48" spans="1:11" ht="15" customHeight="1">
      <c r="A48" s="20" t="s">
        <v>91</v>
      </c>
      <c r="B48" s="20"/>
      <c r="C48" s="16">
        <v>2766</v>
      </c>
      <c r="D48" s="22">
        <v>1449</v>
      </c>
      <c r="E48" s="22">
        <v>1317</v>
      </c>
      <c r="F48" s="22"/>
      <c r="G48" s="21" t="s">
        <v>92</v>
      </c>
      <c r="H48" s="20"/>
      <c r="I48" s="16">
        <v>1753</v>
      </c>
      <c r="J48" s="22">
        <v>794</v>
      </c>
      <c r="K48" s="22">
        <v>959</v>
      </c>
    </row>
    <row r="49" spans="1:11" ht="15" customHeight="1">
      <c r="A49" s="20" t="s">
        <v>93</v>
      </c>
      <c r="B49" s="20"/>
      <c r="C49" s="16">
        <v>2994</v>
      </c>
      <c r="D49" s="22">
        <v>1580</v>
      </c>
      <c r="E49" s="22">
        <v>1414</v>
      </c>
      <c r="F49" s="22"/>
      <c r="G49" s="21" t="s">
        <v>94</v>
      </c>
      <c r="H49" s="20"/>
      <c r="I49" s="16">
        <v>1491</v>
      </c>
      <c r="J49" s="22">
        <v>646</v>
      </c>
      <c r="K49" s="22">
        <v>845</v>
      </c>
    </row>
    <row r="50" spans="1:11" ht="15" customHeight="1">
      <c r="A50" s="20" t="s">
        <v>95</v>
      </c>
      <c r="B50" s="20"/>
      <c r="C50" s="16">
        <v>3054</v>
      </c>
      <c r="D50" s="22">
        <v>1559</v>
      </c>
      <c r="E50" s="22">
        <v>1495</v>
      </c>
      <c r="F50" s="22"/>
      <c r="G50" s="21" t="s">
        <v>96</v>
      </c>
      <c r="H50" s="20"/>
      <c r="I50" s="16">
        <v>1366</v>
      </c>
      <c r="J50" s="22">
        <v>551</v>
      </c>
      <c r="K50" s="22">
        <v>815</v>
      </c>
    </row>
    <row r="51" spans="1:11" ht="15" customHeight="1">
      <c r="A51" s="20" t="s">
        <v>97</v>
      </c>
      <c r="B51" s="20"/>
      <c r="C51" s="16">
        <v>3235</v>
      </c>
      <c r="D51" s="22">
        <v>1695</v>
      </c>
      <c r="E51" s="22">
        <v>1540</v>
      </c>
      <c r="F51" s="22"/>
      <c r="G51" s="21" t="s">
        <v>98</v>
      </c>
      <c r="H51" s="20"/>
      <c r="I51" s="16">
        <v>999</v>
      </c>
      <c r="J51" s="22">
        <v>368</v>
      </c>
      <c r="K51" s="22">
        <v>631</v>
      </c>
    </row>
    <row r="52" spans="1:11" ht="15" customHeight="1">
      <c r="A52" s="20" t="s">
        <v>99</v>
      </c>
      <c r="B52" s="20"/>
      <c r="C52" s="16">
        <v>3322</v>
      </c>
      <c r="D52" s="22">
        <v>1638</v>
      </c>
      <c r="E52" s="22">
        <v>1684</v>
      </c>
      <c r="F52" s="22"/>
      <c r="G52" s="21" t="s">
        <v>100</v>
      </c>
      <c r="H52" s="20"/>
      <c r="I52" s="16">
        <v>956</v>
      </c>
      <c r="J52" s="22">
        <v>318</v>
      </c>
      <c r="K52" s="22">
        <v>638</v>
      </c>
    </row>
    <row r="53" spans="1:11" ht="20.100000000000001" customHeight="1">
      <c r="A53" s="20" t="s">
        <v>101</v>
      </c>
      <c r="B53" s="20"/>
      <c r="C53" s="16">
        <v>17258</v>
      </c>
      <c r="D53" s="17">
        <v>9070</v>
      </c>
      <c r="E53" s="17">
        <v>8188</v>
      </c>
      <c r="F53" s="17"/>
      <c r="G53" s="21" t="s">
        <v>102</v>
      </c>
      <c r="H53" s="20"/>
      <c r="I53" s="16">
        <v>2809</v>
      </c>
      <c r="J53" s="17">
        <v>834</v>
      </c>
      <c r="K53" s="17">
        <v>1975</v>
      </c>
    </row>
    <row r="54" spans="1:11" ht="15" customHeight="1">
      <c r="A54" s="20" t="s">
        <v>103</v>
      </c>
      <c r="B54" s="20"/>
      <c r="C54" s="16">
        <v>3217</v>
      </c>
      <c r="D54" s="22">
        <v>1709</v>
      </c>
      <c r="E54" s="22">
        <v>1508</v>
      </c>
      <c r="F54" s="22"/>
      <c r="G54" s="21" t="s">
        <v>104</v>
      </c>
      <c r="H54" s="20"/>
      <c r="I54" s="16">
        <v>806</v>
      </c>
      <c r="J54" s="22">
        <v>249</v>
      </c>
      <c r="K54" s="22">
        <v>557</v>
      </c>
    </row>
    <row r="55" spans="1:11" ht="15" customHeight="1">
      <c r="A55" s="20" t="s">
        <v>105</v>
      </c>
      <c r="B55" s="20"/>
      <c r="C55" s="16">
        <v>3365</v>
      </c>
      <c r="D55" s="22">
        <v>1772</v>
      </c>
      <c r="E55" s="22">
        <v>1593</v>
      </c>
      <c r="F55" s="22"/>
      <c r="G55" s="21" t="s">
        <v>106</v>
      </c>
      <c r="H55" s="20"/>
      <c r="I55" s="16">
        <v>627</v>
      </c>
      <c r="J55" s="22">
        <v>194</v>
      </c>
      <c r="K55" s="22">
        <v>433</v>
      </c>
    </row>
    <row r="56" spans="1:11" ht="15" customHeight="1">
      <c r="A56" s="20" t="s">
        <v>107</v>
      </c>
      <c r="B56" s="20"/>
      <c r="C56" s="16">
        <v>3477</v>
      </c>
      <c r="D56" s="22">
        <v>1831</v>
      </c>
      <c r="E56" s="22">
        <v>1646</v>
      </c>
      <c r="F56" s="22"/>
      <c r="G56" s="21" t="s">
        <v>108</v>
      </c>
      <c r="H56" s="20"/>
      <c r="I56" s="16">
        <v>589</v>
      </c>
      <c r="J56" s="22">
        <v>174</v>
      </c>
      <c r="K56" s="22">
        <v>415</v>
      </c>
    </row>
    <row r="57" spans="1:11" ht="15" customHeight="1">
      <c r="A57" s="20" t="s">
        <v>109</v>
      </c>
      <c r="B57" s="20"/>
      <c r="C57" s="16">
        <v>3519</v>
      </c>
      <c r="D57" s="22">
        <v>1838</v>
      </c>
      <c r="E57" s="22">
        <v>1681</v>
      </c>
      <c r="F57" s="22"/>
      <c r="G57" s="21" t="s">
        <v>110</v>
      </c>
      <c r="H57" s="20"/>
      <c r="I57" s="16">
        <v>433</v>
      </c>
      <c r="J57" s="22">
        <v>114</v>
      </c>
      <c r="K57" s="22">
        <v>319</v>
      </c>
    </row>
    <row r="58" spans="1:11" ht="15" customHeight="1">
      <c r="A58" s="20" t="s">
        <v>111</v>
      </c>
      <c r="B58" s="20"/>
      <c r="C58" s="16">
        <v>3680</v>
      </c>
      <c r="D58" s="22">
        <v>1920</v>
      </c>
      <c r="E58" s="22">
        <v>1760</v>
      </c>
      <c r="F58" s="22"/>
      <c r="G58" s="21" t="s">
        <v>112</v>
      </c>
      <c r="H58" s="20"/>
      <c r="I58" s="16">
        <v>354</v>
      </c>
      <c r="J58" s="22">
        <v>103</v>
      </c>
      <c r="K58" s="22">
        <v>251</v>
      </c>
    </row>
    <row r="59" spans="1:11" ht="20.100000000000001" customHeight="1">
      <c r="A59" s="20" t="s">
        <v>113</v>
      </c>
      <c r="B59" s="20"/>
      <c r="C59" s="16">
        <v>21409</v>
      </c>
      <c r="D59" s="17">
        <v>11224</v>
      </c>
      <c r="E59" s="17">
        <v>10185</v>
      </c>
      <c r="F59" s="17"/>
      <c r="G59" s="21" t="s">
        <v>114</v>
      </c>
      <c r="H59" s="20"/>
      <c r="I59" s="16">
        <v>666</v>
      </c>
      <c r="J59" s="17">
        <v>140</v>
      </c>
      <c r="K59" s="17">
        <v>526</v>
      </c>
    </row>
    <row r="60" spans="1:11" ht="15" customHeight="1">
      <c r="A60" s="20" t="s">
        <v>115</v>
      </c>
      <c r="B60" s="20"/>
      <c r="C60" s="16">
        <v>3882</v>
      </c>
      <c r="D60" s="22">
        <v>2014</v>
      </c>
      <c r="E60" s="22">
        <v>1868</v>
      </c>
      <c r="F60" s="22"/>
      <c r="G60" s="21" t="s">
        <v>116</v>
      </c>
      <c r="H60" s="20"/>
      <c r="I60" s="16">
        <v>214</v>
      </c>
      <c r="J60" s="22">
        <v>52</v>
      </c>
      <c r="K60" s="22">
        <v>162</v>
      </c>
    </row>
    <row r="61" spans="1:11" ht="15" customHeight="1">
      <c r="A61" s="20" t="s">
        <v>117</v>
      </c>
      <c r="B61" s="20"/>
      <c r="C61" s="16">
        <v>4063</v>
      </c>
      <c r="D61" s="22">
        <v>2197</v>
      </c>
      <c r="E61" s="22">
        <v>1866</v>
      </c>
      <c r="F61" s="22"/>
      <c r="G61" s="21" t="s">
        <v>118</v>
      </c>
      <c r="H61" s="20"/>
      <c r="I61" s="16">
        <v>166</v>
      </c>
      <c r="J61" s="22">
        <v>36</v>
      </c>
      <c r="K61" s="22">
        <v>130</v>
      </c>
    </row>
    <row r="62" spans="1:11" ht="15" customHeight="1">
      <c r="A62" s="20" t="s">
        <v>119</v>
      </c>
      <c r="B62" s="20"/>
      <c r="C62" s="16">
        <v>4174</v>
      </c>
      <c r="D62" s="22">
        <v>2119</v>
      </c>
      <c r="E62" s="22">
        <v>2055</v>
      </c>
      <c r="F62" s="22"/>
      <c r="G62" s="21" t="s">
        <v>120</v>
      </c>
      <c r="H62" s="20"/>
      <c r="I62" s="16">
        <v>139</v>
      </c>
      <c r="J62" s="22">
        <v>39</v>
      </c>
      <c r="K62" s="22">
        <v>100</v>
      </c>
    </row>
    <row r="63" spans="1:11" ht="15" customHeight="1">
      <c r="A63" s="20" t="s">
        <v>121</v>
      </c>
      <c r="B63" s="20"/>
      <c r="C63" s="16">
        <v>4555</v>
      </c>
      <c r="D63" s="22">
        <v>2416</v>
      </c>
      <c r="E63" s="22">
        <v>2139</v>
      </c>
      <c r="F63" s="22"/>
      <c r="G63" s="21" t="s">
        <v>122</v>
      </c>
      <c r="H63" s="20"/>
      <c r="I63" s="16">
        <v>88</v>
      </c>
      <c r="J63" s="22">
        <v>8</v>
      </c>
      <c r="K63" s="22">
        <v>80</v>
      </c>
    </row>
    <row r="64" spans="1:11" ht="15" customHeight="1">
      <c r="A64" s="20" t="s">
        <v>123</v>
      </c>
      <c r="B64" s="20"/>
      <c r="C64" s="16">
        <v>4735</v>
      </c>
      <c r="D64" s="22">
        <v>2478</v>
      </c>
      <c r="E64" s="22">
        <v>2257</v>
      </c>
      <c r="F64" s="22"/>
      <c r="G64" s="21" t="s">
        <v>124</v>
      </c>
      <c r="H64" s="20"/>
      <c r="I64" s="16">
        <v>59</v>
      </c>
      <c r="J64" s="22">
        <v>5</v>
      </c>
      <c r="K64" s="22">
        <v>5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18</v>
      </c>
      <c r="J65" s="22">
        <v>23</v>
      </c>
      <c r="K65" s="22">
        <v>95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8406</v>
      </c>
      <c r="J66" s="32">
        <v>3876</v>
      </c>
      <c r="K66" s="32">
        <v>4530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2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87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82871</v>
      </c>
      <c r="D4" s="17">
        <v>139722</v>
      </c>
      <c r="E4" s="17">
        <v>143149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9285</v>
      </c>
      <c r="D5" s="17">
        <v>4735</v>
      </c>
      <c r="E5" s="17">
        <v>4550</v>
      </c>
      <c r="F5" s="17"/>
      <c r="G5" s="21" t="s">
        <v>6</v>
      </c>
      <c r="H5" s="20"/>
      <c r="I5" s="16">
        <v>23029</v>
      </c>
      <c r="J5" s="17">
        <v>11804</v>
      </c>
      <c r="K5" s="17">
        <v>11225</v>
      </c>
    </row>
    <row r="6" spans="1:11" ht="15" customHeight="1">
      <c r="A6" s="20" t="s">
        <v>7</v>
      </c>
      <c r="B6" s="20"/>
      <c r="C6" s="16">
        <v>1747</v>
      </c>
      <c r="D6" s="22">
        <v>912</v>
      </c>
      <c r="E6" s="22">
        <v>835</v>
      </c>
      <c r="F6" s="22"/>
      <c r="G6" s="21" t="s">
        <v>8</v>
      </c>
      <c r="H6" s="20"/>
      <c r="I6" s="16">
        <v>4665</v>
      </c>
      <c r="J6" s="22">
        <v>2323</v>
      </c>
      <c r="K6" s="22">
        <v>2342</v>
      </c>
    </row>
    <row r="7" spans="1:11" ht="15" customHeight="1">
      <c r="A7" s="20" t="s">
        <v>9</v>
      </c>
      <c r="B7" s="20"/>
      <c r="C7" s="16">
        <v>1912</v>
      </c>
      <c r="D7" s="22">
        <v>975</v>
      </c>
      <c r="E7" s="22">
        <v>937</v>
      </c>
      <c r="F7" s="22"/>
      <c r="G7" s="21" t="s">
        <v>10</v>
      </c>
      <c r="H7" s="20"/>
      <c r="I7" s="16">
        <v>4632</v>
      </c>
      <c r="J7" s="22">
        <v>2376</v>
      </c>
      <c r="K7" s="22">
        <v>2256</v>
      </c>
    </row>
    <row r="8" spans="1:11" ht="15" customHeight="1">
      <c r="A8" s="20" t="s">
        <v>11</v>
      </c>
      <c r="B8" s="20"/>
      <c r="C8" s="16">
        <v>1839</v>
      </c>
      <c r="D8" s="22">
        <v>929</v>
      </c>
      <c r="E8" s="22">
        <v>910</v>
      </c>
      <c r="F8" s="22"/>
      <c r="G8" s="21" t="s">
        <v>12</v>
      </c>
      <c r="H8" s="20"/>
      <c r="I8" s="16">
        <v>4713</v>
      </c>
      <c r="J8" s="22">
        <v>2396</v>
      </c>
      <c r="K8" s="22">
        <v>2317</v>
      </c>
    </row>
    <row r="9" spans="1:11" ht="15" customHeight="1">
      <c r="A9" s="20" t="s">
        <v>13</v>
      </c>
      <c r="B9" s="20"/>
      <c r="C9" s="16">
        <v>1879</v>
      </c>
      <c r="D9" s="22">
        <v>942</v>
      </c>
      <c r="E9" s="22">
        <v>937</v>
      </c>
      <c r="F9" s="22"/>
      <c r="G9" s="21" t="s">
        <v>14</v>
      </c>
      <c r="H9" s="20"/>
      <c r="I9" s="16">
        <v>4544</v>
      </c>
      <c r="J9" s="22">
        <v>2384</v>
      </c>
      <c r="K9" s="22">
        <v>2160</v>
      </c>
    </row>
    <row r="10" spans="1:11" ht="15" customHeight="1">
      <c r="A10" s="20" t="s">
        <v>15</v>
      </c>
      <c r="B10" s="20"/>
      <c r="C10" s="16">
        <v>1908</v>
      </c>
      <c r="D10" s="22">
        <v>977</v>
      </c>
      <c r="E10" s="22">
        <v>931</v>
      </c>
      <c r="F10" s="22"/>
      <c r="G10" s="21" t="s">
        <v>16</v>
      </c>
      <c r="H10" s="20"/>
      <c r="I10" s="16">
        <v>4475</v>
      </c>
      <c r="J10" s="22">
        <v>2325</v>
      </c>
      <c r="K10" s="22">
        <v>2150</v>
      </c>
    </row>
    <row r="11" spans="1:11" ht="20.100000000000001" customHeight="1">
      <c r="A11" s="20" t="s">
        <v>17</v>
      </c>
      <c r="B11" s="20"/>
      <c r="C11" s="16">
        <v>10123</v>
      </c>
      <c r="D11" s="17">
        <v>5212</v>
      </c>
      <c r="E11" s="17">
        <v>4911</v>
      </c>
      <c r="F11" s="17"/>
      <c r="G11" s="21" t="s">
        <v>18</v>
      </c>
      <c r="H11" s="20"/>
      <c r="I11" s="16">
        <v>19367</v>
      </c>
      <c r="J11" s="17">
        <v>10005</v>
      </c>
      <c r="K11" s="17">
        <v>9362</v>
      </c>
    </row>
    <row r="12" spans="1:11" ht="15" customHeight="1">
      <c r="A12" s="20" t="s">
        <v>19</v>
      </c>
      <c r="B12" s="20"/>
      <c r="C12" s="16">
        <v>1964</v>
      </c>
      <c r="D12" s="22">
        <v>960</v>
      </c>
      <c r="E12" s="22">
        <v>1004</v>
      </c>
      <c r="F12" s="22"/>
      <c r="G12" s="21" t="s">
        <v>20</v>
      </c>
      <c r="H12" s="20"/>
      <c r="I12" s="16">
        <v>4574</v>
      </c>
      <c r="J12" s="22">
        <v>2338</v>
      </c>
      <c r="K12" s="22">
        <v>2236</v>
      </c>
    </row>
    <row r="13" spans="1:11" ht="15" customHeight="1">
      <c r="A13" s="20" t="s">
        <v>21</v>
      </c>
      <c r="B13" s="20"/>
      <c r="C13" s="16">
        <v>1997</v>
      </c>
      <c r="D13" s="22">
        <v>996</v>
      </c>
      <c r="E13" s="22">
        <v>1001</v>
      </c>
      <c r="F13" s="22"/>
      <c r="G13" s="21" t="s">
        <v>22</v>
      </c>
      <c r="H13" s="20"/>
      <c r="I13" s="16">
        <v>3333</v>
      </c>
      <c r="J13" s="22">
        <v>1702</v>
      </c>
      <c r="K13" s="22">
        <v>1631</v>
      </c>
    </row>
    <row r="14" spans="1:11" ht="15" customHeight="1">
      <c r="A14" s="20" t="s">
        <v>23</v>
      </c>
      <c r="B14" s="20"/>
      <c r="C14" s="16">
        <v>2040</v>
      </c>
      <c r="D14" s="22">
        <v>1102</v>
      </c>
      <c r="E14" s="22">
        <v>938</v>
      </c>
      <c r="F14" s="22"/>
      <c r="G14" s="21" t="s">
        <v>24</v>
      </c>
      <c r="H14" s="20"/>
      <c r="I14" s="16">
        <v>4226</v>
      </c>
      <c r="J14" s="22">
        <v>2228</v>
      </c>
      <c r="K14" s="22">
        <v>1998</v>
      </c>
    </row>
    <row r="15" spans="1:11" ht="15" customHeight="1">
      <c r="A15" s="20" t="s">
        <v>25</v>
      </c>
      <c r="B15" s="20"/>
      <c r="C15" s="16">
        <v>2107</v>
      </c>
      <c r="D15" s="22">
        <v>1078</v>
      </c>
      <c r="E15" s="22">
        <v>1029</v>
      </c>
      <c r="F15" s="22"/>
      <c r="G15" s="21" t="s">
        <v>26</v>
      </c>
      <c r="H15" s="20"/>
      <c r="I15" s="16">
        <v>3721</v>
      </c>
      <c r="J15" s="22">
        <v>1950</v>
      </c>
      <c r="K15" s="22">
        <v>1771</v>
      </c>
    </row>
    <row r="16" spans="1:11" ht="15" customHeight="1">
      <c r="A16" s="20" t="s">
        <v>27</v>
      </c>
      <c r="B16" s="20"/>
      <c r="C16" s="16">
        <v>2015</v>
      </c>
      <c r="D16" s="22">
        <v>1076</v>
      </c>
      <c r="E16" s="22">
        <v>939</v>
      </c>
      <c r="F16" s="22"/>
      <c r="G16" s="21" t="s">
        <v>28</v>
      </c>
      <c r="H16" s="20"/>
      <c r="I16" s="16">
        <v>3513</v>
      </c>
      <c r="J16" s="22">
        <v>1787</v>
      </c>
      <c r="K16" s="22">
        <v>1726</v>
      </c>
    </row>
    <row r="17" spans="1:11" ht="20.100000000000001" customHeight="1">
      <c r="A17" s="24" t="s">
        <v>29</v>
      </c>
      <c r="B17" s="24"/>
      <c r="C17" s="16">
        <v>10951</v>
      </c>
      <c r="D17" s="17">
        <v>5543</v>
      </c>
      <c r="E17" s="17">
        <v>5408</v>
      </c>
      <c r="F17" s="17"/>
      <c r="G17" s="21" t="s">
        <v>30</v>
      </c>
      <c r="H17" s="20"/>
      <c r="I17" s="16">
        <v>15443</v>
      </c>
      <c r="J17" s="17">
        <v>7875</v>
      </c>
      <c r="K17" s="17">
        <v>7568</v>
      </c>
    </row>
    <row r="18" spans="1:11" ht="15" customHeight="1">
      <c r="A18" s="20" t="s">
        <v>31</v>
      </c>
      <c r="B18" s="20"/>
      <c r="C18" s="16">
        <v>2092</v>
      </c>
      <c r="D18" s="22">
        <v>1036</v>
      </c>
      <c r="E18" s="22">
        <v>1056</v>
      </c>
      <c r="F18" s="22">
        <v>1056</v>
      </c>
      <c r="G18" s="21" t="s">
        <v>32</v>
      </c>
      <c r="H18" s="20"/>
      <c r="I18" s="16">
        <v>3339</v>
      </c>
      <c r="J18" s="22">
        <v>1686</v>
      </c>
      <c r="K18" s="22">
        <v>1653</v>
      </c>
    </row>
    <row r="19" spans="1:11" ht="15" customHeight="1">
      <c r="A19" s="20" t="s">
        <v>33</v>
      </c>
      <c r="B19" s="20"/>
      <c r="C19" s="16">
        <v>2142</v>
      </c>
      <c r="D19" s="22">
        <v>1099</v>
      </c>
      <c r="E19" s="22">
        <v>1043</v>
      </c>
      <c r="F19" s="22">
        <v>1043</v>
      </c>
      <c r="G19" s="21" t="s">
        <v>34</v>
      </c>
      <c r="H19" s="20"/>
      <c r="I19" s="16">
        <v>3171</v>
      </c>
      <c r="J19" s="22">
        <v>1650</v>
      </c>
      <c r="K19" s="22">
        <v>1521</v>
      </c>
    </row>
    <row r="20" spans="1:11" ht="15" customHeight="1">
      <c r="A20" s="20" t="s">
        <v>35</v>
      </c>
      <c r="B20" s="20"/>
      <c r="C20" s="16">
        <v>2245</v>
      </c>
      <c r="D20" s="22">
        <v>1135</v>
      </c>
      <c r="E20" s="22">
        <v>1110</v>
      </c>
      <c r="F20" s="22">
        <v>1110</v>
      </c>
      <c r="G20" s="21" t="s">
        <v>36</v>
      </c>
      <c r="H20" s="20"/>
      <c r="I20" s="16">
        <v>3116</v>
      </c>
      <c r="J20" s="22">
        <v>1562</v>
      </c>
      <c r="K20" s="22">
        <v>1554</v>
      </c>
    </row>
    <row r="21" spans="1:11" ht="15" customHeight="1">
      <c r="A21" s="20" t="s">
        <v>37</v>
      </c>
      <c r="B21" s="20"/>
      <c r="C21" s="16">
        <v>2259</v>
      </c>
      <c r="D21" s="22">
        <v>1127</v>
      </c>
      <c r="E21" s="22">
        <v>1132</v>
      </c>
      <c r="F21" s="22">
        <v>1132</v>
      </c>
      <c r="G21" s="21" t="s">
        <v>38</v>
      </c>
      <c r="H21" s="20"/>
      <c r="I21" s="16">
        <v>2936</v>
      </c>
      <c r="J21" s="22">
        <v>1517</v>
      </c>
      <c r="K21" s="22">
        <v>1419</v>
      </c>
    </row>
    <row r="22" spans="1:11" ht="15" customHeight="1">
      <c r="A22" s="20" t="s">
        <v>39</v>
      </c>
      <c r="B22" s="20"/>
      <c r="C22" s="16">
        <v>2213</v>
      </c>
      <c r="D22" s="22">
        <v>1146</v>
      </c>
      <c r="E22" s="22">
        <v>1067</v>
      </c>
      <c r="F22" s="22">
        <v>1067</v>
      </c>
      <c r="G22" s="21" t="s">
        <v>40</v>
      </c>
      <c r="H22" s="20"/>
      <c r="I22" s="16">
        <v>2881</v>
      </c>
      <c r="J22" s="22">
        <v>1460</v>
      </c>
      <c r="K22" s="22">
        <v>1421</v>
      </c>
    </row>
    <row r="23" spans="1:11" ht="20.100000000000001" customHeight="1">
      <c r="A23" s="20" t="s">
        <v>41</v>
      </c>
      <c r="B23" s="20"/>
      <c r="C23" s="16">
        <v>11381</v>
      </c>
      <c r="D23" s="17">
        <v>5845</v>
      </c>
      <c r="E23" s="17">
        <v>5536</v>
      </c>
      <c r="F23" s="17"/>
      <c r="G23" s="21" t="s">
        <v>42</v>
      </c>
      <c r="H23" s="20"/>
      <c r="I23" s="16">
        <v>13719</v>
      </c>
      <c r="J23" s="17">
        <v>6710</v>
      </c>
      <c r="K23" s="17">
        <v>7009</v>
      </c>
    </row>
    <row r="24" spans="1:11" ht="15" customHeight="1">
      <c r="A24" s="20" t="s">
        <v>43</v>
      </c>
      <c r="B24" s="20"/>
      <c r="C24" s="16">
        <v>2272</v>
      </c>
      <c r="D24" s="22">
        <v>1218</v>
      </c>
      <c r="E24" s="22">
        <v>1054</v>
      </c>
      <c r="F24" s="22"/>
      <c r="G24" s="21" t="s">
        <v>44</v>
      </c>
      <c r="H24" s="20"/>
      <c r="I24" s="16">
        <v>2665</v>
      </c>
      <c r="J24" s="22">
        <v>1323</v>
      </c>
      <c r="K24" s="22">
        <v>1342</v>
      </c>
    </row>
    <row r="25" spans="1:11" ht="15" customHeight="1">
      <c r="A25" s="20" t="s">
        <v>45</v>
      </c>
      <c r="B25" s="20"/>
      <c r="C25" s="16">
        <v>2248</v>
      </c>
      <c r="D25" s="22">
        <v>1134</v>
      </c>
      <c r="E25" s="22">
        <v>1114</v>
      </c>
      <c r="F25" s="22"/>
      <c r="G25" s="21" t="s">
        <v>46</v>
      </c>
      <c r="H25" s="20"/>
      <c r="I25" s="16">
        <v>2669</v>
      </c>
      <c r="J25" s="22">
        <v>1319</v>
      </c>
      <c r="K25" s="22">
        <v>1350</v>
      </c>
    </row>
    <row r="26" spans="1:11" ht="15" customHeight="1">
      <c r="A26" s="20" t="s">
        <v>47</v>
      </c>
      <c r="B26" s="20"/>
      <c r="C26" s="16">
        <v>2125</v>
      </c>
      <c r="D26" s="22">
        <v>1103</v>
      </c>
      <c r="E26" s="22">
        <v>1022</v>
      </c>
      <c r="F26" s="22"/>
      <c r="G26" s="21" t="s">
        <v>48</v>
      </c>
      <c r="H26" s="20"/>
      <c r="I26" s="16">
        <v>2777</v>
      </c>
      <c r="J26" s="22">
        <v>1404</v>
      </c>
      <c r="K26" s="22">
        <v>1373</v>
      </c>
    </row>
    <row r="27" spans="1:11" ht="15" customHeight="1">
      <c r="A27" s="20" t="s">
        <v>49</v>
      </c>
      <c r="B27" s="20"/>
      <c r="C27" s="16">
        <v>2221</v>
      </c>
      <c r="D27" s="22">
        <v>1133</v>
      </c>
      <c r="E27" s="22">
        <v>1088</v>
      </c>
      <c r="F27" s="22"/>
      <c r="G27" s="21" t="s">
        <v>50</v>
      </c>
      <c r="H27" s="20"/>
      <c r="I27" s="16">
        <v>2787</v>
      </c>
      <c r="J27" s="22">
        <v>1290</v>
      </c>
      <c r="K27" s="22">
        <v>1497</v>
      </c>
    </row>
    <row r="28" spans="1:11" ht="15" customHeight="1">
      <c r="A28" s="20" t="s">
        <v>51</v>
      </c>
      <c r="B28" s="20"/>
      <c r="C28" s="16">
        <v>2515</v>
      </c>
      <c r="D28" s="22">
        <v>1257</v>
      </c>
      <c r="E28" s="22">
        <v>1258</v>
      </c>
      <c r="F28" s="22"/>
      <c r="G28" s="21" t="s">
        <v>52</v>
      </c>
      <c r="H28" s="20"/>
      <c r="I28" s="16">
        <v>2821</v>
      </c>
      <c r="J28" s="22">
        <v>1374</v>
      </c>
      <c r="K28" s="22">
        <v>1447</v>
      </c>
    </row>
    <row r="29" spans="1:11" ht="20.100000000000001" customHeight="1">
      <c r="A29" s="20" t="s">
        <v>53</v>
      </c>
      <c r="B29" s="20"/>
      <c r="C29" s="16">
        <v>15964</v>
      </c>
      <c r="D29" s="17">
        <v>7550</v>
      </c>
      <c r="E29" s="17">
        <v>8414</v>
      </c>
      <c r="F29" s="17"/>
      <c r="G29" s="21" t="s">
        <v>54</v>
      </c>
      <c r="H29" s="20"/>
      <c r="I29" s="16">
        <v>17471</v>
      </c>
      <c r="J29" s="17">
        <v>8213</v>
      </c>
      <c r="K29" s="17">
        <v>9258</v>
      </c>
    </row>
    <row r="30" spans="1:11" ht="15" customHeight="1">
      <c r="A30" s="20" t="s">
        <v>55</v>
      </c>
      <c r="B30" s="20"/>
      <c r="C30" s="16">
        <v>2615</v>
      </c>
      <c r="D30" s="22">
        <v>1280</v>
      </c>
      <c r="E30" s="22">
        <v>1335</v>
      </c>
      <c r="F30" s="22"/>
      <c r="G30" s="21" t="s">
        <v>56</v>
      </c>
      <c r="H30" s="20"/>
      <c r="I30" s="16">
        <v>3072</v>
      </c>
      <c r="J30" s="22">
        <v>1467</v>
      </c>
      <c r="K30" s="22">
        <v>1605</v>
      </c>
    </row>
    <row r="31" spans="1:11" ht="15" customHeight="1">
      <c r="A31" s="20" t="s">
        <v>57</v>
      </c>
      <c r="B31" s="20"/>
      <c r="C31" s="16">
        <v>3240</v>
      </c>
      <c r="D31" s="22">
        <v>1544</v>
      </c>
      <c r="E31" s="22">
        <v>1696</v>
      </c>
      <c r="F31" s="22"/>
      <c r="G31" s="21" t="s">
        <v>58</v>
      </c>
      <c r="H31" s="20"/>
      <c r="I31" s="16">
        <v>3288</v>
      </c>
      <c r="J31" s="22">
        <v>1579</v>
      </c>
      <c r="K31" s="22">
        <v>1709</v>
      </c>
    </row>
    <row r="32" spans="1:11" ht="15" customHeight="1">
      <c r="A32" s="20" t="s">
        <v>59</v>
      </c>
      <c r="B32" s="20"/>
      <c r="C32" s="16">
        <v>3211</v>
      </c>
      <c r="D32" s="22">
        <v>1474</v>
      </c>
      <c r="E32" s="22">
        <v>1737</v>
      </c>
      <c r="F32" s="22"/>
      <c r="G32" s="21" t="s">
        <v>60</v>
      </c>
      <c r="H32" s="20"/>
      <c r="I32" s="16">
        <v>3388</v>
      </c>
      <c r="J32" s="22">
        <v>1585</v>
      </c>
      <c r="K32" s="22">
        <v>1803</v>
      </c>
    </row>
    <row r="33" spans="1:11" ht="15" customHeight="1">
      <c r="A33" s="20" t="s">
        <v>61</v>
      </c>
      <c r="B33" s="20"/>
      <c r="C33" s="16">
        <v>3442</v>
      </c>
      <c r="D33" s="22">
        <v>1627</v>
      </c>
      <c r="E33" s="22">
        <v>1815</v>
      </c>
      <c r="F33" s="22"/>
      <c r="G33" s="21" t="s">
        <v>62</v>
      </c>
      <c r="H33" s="20"/>
      <c r="I33" s="16">
        <v>3898</v>
      </c>
      <c r="J33" s="22">
        <v>1829</v>
      </c>
      <c r="K33" s="22">
        <v>2069</v>
      </c>
    </row>
    <row r="34" spans="1:11" ht="15" customHeight="1">
      <c r="A34" s="20" t="s">
        <v>63</v>
      </c>
      <c r="B34" s="20"/>
      <c r="C34" s="16">
        <v>3456</v>
      </c>
      <c r="D34" s="22">
        <v>1625</v>
      </c>
      <c r="E34" s="22">
        <v>1831</v>
      </c>
      <c r="F34" s="22"/>
      <c r="G34" s="21" t="s">
        <v>64</v>
      </c>
      <c r="H34" s="20"/>
      <c r="I34" s="16">
        <v>3825</v>
      </c>
      <c r="J34" s="22">
        <v>1753</v>
      </c>
      <c r="K34" s="22">
        <v>2072</v>
      </c>
    </row>
    <row r="35" spans="1:11" ht="20.100000000000001" customHeight="1">
      <c r="A35" s="20" t="s">
        <v>65</v>
      </c>
      <c r="B35" s="20"/>
      <c r="C35" s="16">
        <v>16026</v>
      </c>
      <c r="D35" s="17">
        <v>7949</v>
      </c>
      <c r="E35" s="17">
        <v>8077</v>
      </c>
      <c r="F35" s="17"/>
      <c r="G35" s="21" t="s">
        <v>66</v>
      </c>
      <c r="H35" s="20"/>
      <c r="I35" s="16">
        <v>14863</v>
      </c>
      <c r="J35" s="17">
        <v>6419</v>
      </c>
      <c r="K35" s="17">
        <v>8444</v>
      </c>
    </row>
    <row r="36" spans="1:11" ht="15" customHeight="1">
      <c r="A36" s="20" t="s">
        <v>67</v>
      </c>
      <c r="B36" s="20"/>
      <c r="C36" s="16">
        <v>3341</v>
      </c>
      <c r="D36" s="22">
        <v>1683</v>
      </c>
      <c r="E36" s="22">
        <v>1658</v>
      </c>
      <c r="F36" s="22"/>
      <c r="G36" s="21" t="s">
        <v>68</v>
      </c>
      <c r="H36" s="20"/>
      <c r="I36" s="16">
        <v>3739</v>
      </c>
      <c r="J36" s="22">
        <v>1646</v>
      </c>
      <c r="K36" s="22">
        <v>2093</v>
      </c>
    </row>
    <row r="37" spans="1:11" ht="15" customHeight="1">
      <c r="A37" s="20" t="s">
        <v>69</v>
      </c>
      <c r="B37" s="20"/>
      <c r="C37" s="16">
        <v>3222</v>
      </c>
      <c r="D37" s="22">
        <v>1584</v>
      </c>
      <c r="E37" s="22">
        <v>1638</v>
      </c>
      <c r="F37" s="22"/>
      <c r="G37" s="21" t="s">
        <v>70</v>
      </c>
      <c r="H37" s="20"/>
      <c r="I37" s="16">
        <v>2584</v>
      </c>
      <c r="J37" s="22">
        <v>1148</v>
      </c>
      <c r="K37" s="22">
        <v>1436</v>
      </c>
    </row>
    <row r="38" spans="1:11" ht="15" customHeight="1">
      <c r="A38" s="20" t="s">
        <v>71</v>
      </c>
      <c r="B38" s="20"/>
      <c r="C38" s="16">
        <v>3159</v>
      </c>
      <c r="D38" s="22">
        <v>1500</v>
      </c>
      <c r="E38" s="22">
        <v>1659</v>
      </c>
      <c r="F38" s="22"/>
      <c r="G38" s="21" t="s">
        <v>72</v>
      </c>
      <c r="H38" s="20"/>
      <c r="I38" s="16">
        <v>2408</v>
      </c>
      <c r="J38" s="22">
        <v>1049</v>
      </c>
      <c r="K38" s="22">
        <v>1359</v>
      </c>
    </row>
    <row r="39" spans="1:11" ht="15" customHeight="1">
      <c r="A39" s="20" t="s">
        <v>73</v>
      </c>
      <c r="B39" s="20"/>
      <c r="C39" s="16">
        <v>3207</v>
      </c>
      <c r="D39" s="22">
        <v>1637</v>
      </c>
      <c r="E39" s="22">
        <v>1570</v>
      </c>
      <c r="F39" s="22"/>
      <c r="G39" s="21" t="s">
        <v>74</v>
      </c>
      <c r="H39" s="20"/>
      <c r="I39" s="16">
        <v>3091</v>
      </c>
      <c r="J39" s="22">
        <v>1298</v>
      </c>
      <c r="K39" s="22">
        <v>1793</v>
      </c>
    </row>
    <row r="40" spans="1:11" ht="15" customHeight="1">
      <c r="A40" s="20" t="s">
        <v>75</v>
      </c>
      <c r="B40" s="20"/>
      <c r="C40" s="16">
        <v>3097</v>
      </c>
      <c r="D40" s="22">
        <v>1545</v>
      </c>
      <c r="E40" s="22">
        <v>1552</v>
      </c>
      <c r="F40" s="22"/>
      <c r="G40" s="21" t="s">
        <v>76</v>
      </c>
      <c r="H40" s="20"/>
      <c r="I40" s="16">
        <v>3041</v>
      </c>
      <c r="J40" s="22">
        <v>1278</v>
      </c>
      <c r="K40" s="22">
        <v>1763</v>
      </c>
    </row>
    <row r="41" spans="1:11" ht="20.100000000000001" customHeight="1">
      <c r="A41" s="20" t="s">
        <v>77</v>
      </c>
      <c r="B41" s="20"/>
      <c r="C41" s="16">
        <v>15374</v>
      </c>
      <c r="D41" s="17">
        <v>7908</v>
      </c>
      <c r="E41" s="17">
        <v>7466</v>
      </c>
      <c r="F41" s="17"/>
      <c r="G41" s="21" t="s">
        <v>78</v>
      </c>
      <c r="H41" s="20"/>
      <c r="I41" s="16">
        <v>12845</v>
      </c>
      <c r="J41" s="17">
        <v>5520</v>
      </c>
      <c r="K41" s="17">
        <v>7325</v>
      </c>
    </row>
    <row r="42" spans="1:11" ht="15" customHeight="1">
      <c r="A42" s="20" t="s">
        <v>79</v>
      </c>
      <c r="B42" s="20"/>
      <c r="C42" s="16">
        <v>3177</v>
      </c>
      <c r="D42" s="22">
        <v>1608</v>
      </c>
      <c r="E42" s="22">
        <v>1569</v>
      </c>
      <c r="F42" s="22"/>
      <c r="G42" s="21" t="s">
        <v>80</v>
      </c>
      <c r="H42" s="20"/>
      <c r="I42" s="16">
        <v>2965</v>
      </c>
      <c r="J42" s="22">
        <v>1264</v>
      </c>
      <c r="K42" s="22">
        <v>1701</v>
      </c>
    </row>
    <row r="43" spans="1:11" ht="15" customHeight="1">
      <c r="A43" s="20" t="s">
        <v>81</v>
      </c>
      <c r="B43" s="20"/>
      <c r="C43" s="16">
        <v>3001</v>
      </c>
      <c r="D43" s="22">
        <v>1481</v>
      </c>
      <c r="E43" s="22">
        <v>1520</v>
      </c>
      <c r="F43" s="22"/>
      <c r="G43" s="21" t="s">
        <v>82</v>
      </c>
      <c r="H43" s="20"/>
      <c r="I43" s="16">
        <v>2943</v>
      </c>
      <c r="J43" s="22">
        <v>1248</v>
      </c>
      <c r="K43" s="22">
        <v>1695</v>
      </c>
    </row>
    <row r="44" spans="1:11" ht="15" customHeight="1">
      <c r="A44" s="20" t="s">
        <v>83</v>
      </c>
      <c r="B44" s="20"/>
      <c r="C44" s="16">
        <v>3014</v>
      </c>
      <c r="D44" s="22">
        <v>1620</v>
      </c>
      <c r="E44" s="22">
        <v>1394</v>
      </c>
      <c r="F44" s="22"/>
      <c r="G44" s="21" t="s">
        <v>84</v>
      </c>
      <c r="H44" s="20"/>
      <c r="I44" s="16">
        <v>2681</v>
      </c>
      <c r="J44" s="22">
        <v>1147</v>
      </c>
      <c r="K44" s="22">
        <v>1534</v>
      </c>
    </row>
    <row r="45" spans="1:11" ht="15" customHeight="1">
      <c r="A45" s="20" t="s">
        <v>85</v>
      </c>
      <c r="B45" s="20"/>
      <c r="C45" s="16">
        <v>3002</v>
      </c>
      <c r="D45" s="22">
        <v>1578</v>
      </c>
      <c r="E45" s="22">
        <v>1424</v>
      </c>
      <c r="F45" s="22"/>
      <c r="G45" s="21" t="s">
        <v>86</v>
      </c>
      <c r="H45" s="20"/>
      <c r="I45" s="16">
        <v>2135</v>
      </c>
      <c r="J45" s="22">
        <v>913</v>
      </c>
      <c r="K45" s="22">
        <v>1222</v>
      </c>
    </row>
    <row r="46" spans="1:11" ht="15" customHeight="1">
      <c r="A46" s="20" t="s">
        <v>87</v>
      </c>
      <c r="B46" s="20"/>
      <c r="C46" s="16">
        <v>3180</v>
      </c>
      <c r="D46" s="22">
        <v>1621</v>
      </c>
      <c r="E46" s="22">
        <v>1559</v>
      </c>
      <c r="F46" s="22"/>
      <c r="G46" s="21" t="s">
        <v>88</v>
      </c>
      <c r="H46" s="20"/>
      <c r="I46" s="16">
        <v>2121</v>
      </c>
      <c r="J46" s="22">
        <v>948</v>
      </c>
      <c r="K46" s="22">
        <v>1173</v>
      </c>
    </row>
    <row r="47" spans="1:11" ht="20.100000000000001" customHeight="1">
      <c r="A47" s="20" t="s">
        <v>89</v>
      </c>
      <c r="B47" s="20"/>
      <c r="C47" s="16">
        <v>15839</v>
      </c>
      <c r="D47" s="17">
        <v>8250</v>
      </c>
      <c r="E47" s="17">
        <v>7589</v>
      </c>
      <c r="F47" s="17"/>
      <c r="G47" s="21" t="s">
        <v>90</v>
      </c>
      <c r="H47" s="20"/>
      <c r="I47" s="16">
        <v>8082</v>
      </c>
      <c r="J47" s="17">
        <v>3200</v>
      </c>
      <c r="K47" s="17">
        <v>4882</v>
      </c>
    </row>
    <row r="48" spans="1:11" ht="15" customHeight="1">
      <c r="A48" s="20" t="s">
        <v>91</v>
      </c>
      <c r="B48" s="20"/>
      <c r="C48" s="16">
        <v>3003</v>
      </c>
      <c r="D48" s="22">
        <v>1588</v>
      </c>
      <c r="E48" s="22">
        <v>1415</v>
      </c>
      <c r="F48" s="22"/>
      <c r="G48" s="21" t="s">
        <v>92</v>
      </c>
      <c r="H48" s="20"/>
      <c r="I48" s="16">
        <v>2058</v>
      </c>
      <c r="J48" s="22">
        <v>871</v>
      </c>
      <c r="K48" s="22">
        <v>1187</v>
      </c>
    </row>
    <row r="49" spans="1:11" ht="15" customHeight="1">
      <c r="A49" s="20" t="s">
        <v>93</v>
      </c>
      <c r="B49" s="20"/>
      <c r="C49" s="16">
        <v>3028</v>
      </c>
      <c r="D49" s="22">
        <v>1566</v>
      </c>
      <c r="E49" s="22">
        <v>1462</v>
      </c>
      <c r="F49" s="22"/>
      <c r="G49" s="21" t="s">
        <v>94</v>
      </c>
      <c r="H49" s="20"/>
      <c r="I49" s="16">
        <v>1867</v>
      </c>
      <c r="J49" s="22">
        <v>729</v>
      </c>
      <c r="K49" s="22">
        <v>1138</v>
      </c>
    </row>
    <row r="50" spans="1:11" ht="15" customHeight="1">
      <c r="A50" s="20" t="s">
        <v>95</v>
      </c>
      <c r="B50" s="20"/>
      <c r="C50" s="16">
        <v>3165</v>
      </c>
      <c r="D50" s="22">
        <v>1645</v>
      </c>
      <c r="E50" s="22">
        <v>1520</v>
      </c>
      <c r="F50" s="22"/>
      <c r="G50" s="21" t="s">
        <v>96</v>
      </c>
      <c r="H50" s="20"/>
      <c r="I50" s="16">
        <v>1677</v>
      </c>
      <c r="J50" s="22">
        <v>674</v>
      </c>
      <c r="K50" s="22">
        <v>1003</v>
      </c>
    </row>
    <row r="51" spans="1:11" ht="15" customHeight="1">
      <c r="A51" s="20" t="s">
        <v>97</v>
      </c>
      <c r="B51" s="20"/>
      <c r="C51" s="16">
        <v>3228</v>
      </c>
      <c r="D51" s="22">
        <v>1667</v>
      </c>
      <c r="E51" s="22">
        <v>1561</v>
      </c>
      <c r="F51" s="22"/>
      <c r="G51" s="21" t="s">
        <v>98</v>
      </c>
      <c r="H51" s="20"/>
      <c r="I51" s="16">
        <v>1301</v>
      </c>
      <c r="J51" s="22">
        <v>499</v>
      </c>
      <c r="K51" s="22">
        <v>802</v>
      </c>
    </row>
    <row r="52" spans="1:11" ht="15" customHeight="1">
      <c r="A52" s="20" t="s">
        <v>99</v>
      </c>
      <c r="B52" s="20"/>
      <c r="C52" s="16">
        <v>3415</v>
      </c>
      <c r="D52" s="22">
        <v>1784</v>
      </c>
      <c r="E52" s="22">
        <v>1631</v>
      </c>
      <c r="F52" s="22"/>
      <c r="G52" s="21" t="s">
        <v>100</v>
      </c>
      <c r="H52" s="20"/>
      <c r="I52" s="16">
        <v>1179</v>
      </c>
      <c r="J52" s="22">
        <v>427</v>
      </c>
      <c r="K52" s="22">
        <v>752</v>
      </c>
    </row>
    <row r="53" spans="1:11" ht="20.100000000000001" customHeight="1">
      <c r="A53" s="20" t="s">
        <v>101</v>
      </c>
      <c r="B53" s="20"/>
      <c r="C53" s="16">
        <v>18107</v>
      </c>
      <c r="D53" s="17">
        <v>9420</v>
      </c>
      <c r="E53" s="17">
        <v>8687</v>
      </c>
      <c r="F53" s="17"/>
      <c r="G53" s="21" t="s">
        <v>102</v>
      </c>
      <c r="H53" s="20"/>
      <c r="I53" s="16">
        <v>3520</v>
      </c>
      <c r="J53" s="17">
        <v>1154</v>
      </c>
      <c r="K53" s="17">
        <v>2366</v>
      </c>
    </row>
    <row r="54" spans="1:11" ht="15" customHeight="1">
      <c r="A54" s="20" t="s">
        <v>103</v>
      </c>
      <c r="B54" s="20"/>
      <c r="C54" s="16">
        <v>3422</v>
      </c>
      <c r="D54" s="22">
        <v>1779</v>
      </c>
      <c r="E54" s="22">
        <v>1643</v>
      </c>
      <c r="F54" s="22"/>
      <c r="G54" s="21" t="s">
        <v>104</v>
      </c>
      <c r="H54" s="20"/>
      <c r="I54" s="16">
        <v>1040</v>
      </c>
      <c r="J54" s="22">
        <v>365</v>
      </c>
      <c r="K54" s="22">
        <v>675</v>
      </c>
    </row>
    <row r="55" spans="1:11" ht="15" customHeight="1">
      <c r="A55" s="20" t="s">
        <v>105</v>
      </c>
      <c r="B55" s="20"/>
      <c r="C55" s="16">
        <v>3533</v>
      </c>
      <c r="D55" s="22">
        <v>1828</v>
      </c>
      <c r="E55" s="22">
        <v>1705</v>
      </c>
      <c r="F55" s="22"/>
      <c r="G55" s="21" t="s">
        <v>106</v>
      </c>
      <c r="H55" s="20"/>
      <c r="I55" s="16">
        <v>784</v>
      </c>
      <c r="J55" s="22">
        <v>285</v>
      </c>
      <c r="K55" s="22">
        <v>499</v>
      </c>
    </row>
    <row r="56" spans="1:11" ht="15" customHeight="1">
      <c r="A56" s="20" t="s">
        <v>107</v>
      </c>
      <c r="B56" s="20"/>
      <c r="C56" s="16">
        <v>3595</v>
      </c>
      <c r="D56" s="22">
        <v>1865</v>
      </c>
      <c r="E56" s="22">
        <v>1730</v>
      </c>
      <c r="F56" s="22"/>
      <c r="G56" s="21" t="s">
        <v>108</v>
      </c>
      <c r="H56" s="20"/>
      <c r="I56" s="16">
        <v>729</v>
      </c>
      <c r="J56" s="22">
        <v>236</v>
      </c>
      <c r="K56" s="22">
        <v>493</v>
      </c>
    </row>
    <row r="57" spans="1:11" ht="15" customHeight="1">
      <c r="A57" s="20" t="s">
        <v>109</v>
      </c>
      <c r="B57" s="20"/>
      <c r="C57" s="16">
        <v>3652</v>
      </c>
      <c r="D57" s="22">
        <v>1960</v>
      </c>
      <c r="E57" s="22">
        <v>1692</v>
      </c>
      <c r="F57" s="22"/>
      <c r="G57" s="21" t="s">
        <v>110</v>
      </c>
      <c r="H57" s="20"/>
      <c r="I57" s="16">
        <v>520</v>
      </c>
      <c r="J57" s="22">
        <v>149</v>
      </c>
      <c r="K57" s="22">
        <v>371</v>
      </c>
    </row>
    <row r="58" spans="1:11" ht="15" customHeight="1">
      <c r="A58" s="20" t="s">
        <v>111</v>
      </c>
      <c r="B58" s="20"/>
      <c r="C58" s="16">
        <v>3905</v>
      </c>
      <c r="D58" s="22">
        <v>1988</v>
      </c>
      <c r="E58" s="22">
        <v>1917</v>
      </c>
      <c r="F58" s="22"/>
      <c r="G58" s="21" t="s">
        <v>112</v>
      </c>
      <c r="H58" s="20"/>
      <c r="I58" s="16">
        <v>447</v>
      </c>
      <c r="J58" s="22">
        <v>119</v>
      </c>
      <c r="K58" s="22">
        <v>328</v>
      </c>
    </row>
    <row r="59" spans="1:11" ht="20.100000000000001" customHeight="1">
      <c r="A59" s="20" t="s">
        <v>113</v>
      </c>
      <c r="B59" s="20"/>
      <c r="C59" s="16">
        <v>21260</v>
      </c>
      <c r="D59" s="17">
        <v>11020</v>
      </c>
      <c r="E59" s="17">
        <v>10240</v>
      </c>
      <c r="F59" s="17"/>
      <c r="G59" s="21" t="s">
        <v>114</v>
      </c>
      <c r="H59" s="20"/>
      <c r="I59" s="16">
        <v>885</v>
      </c>
      <c r="J59" s="17">
        <v>189</v>
      </c>
      <c r="K59" s="17">
        <v>696</v>
      </c>
    </row>
    <row r="60" spans="1:11" ht="15" customHeight="1">
      <c r="A60" s="20" t="s">
        <v>115</v>
      </c>
      <c r="B60" s="20"/>
      <c r="C60" s="16">
        <v>3946</v>
      </c>
      <c r="D60" s="22">
        <v>2039</v>
      </c>
      <c r="E60" s="22">
        <v>1907</v>
      </c>
      <c r="F60" s="22"/>
      <c r="G60" s="21" t="s">
        <v>116</v>
      </c>
      <c r="H60" s="20"/>
      <c r="I60" s="16">
        <v>307</v>
      </c>
      <c r="J60" s="22">
        <v>73</v>
      </c>
      <c r="K60" s="22">
        <v>234</v>
      </c>
    </row>
    <row r="61" spans="1:11" ht="15" customHeight="1">
      <c r="A61" s="20" t="s">
        <v>117</v>
      </c>
      <c r="B61" s="20"/>
      <c r="C61" s="16">
        <v>4023</v>
      </c>
      <c r="D61" s="22">
        <v>2137</v>
      </c>
      <c r="E61" s="22">
        <v>1886</v>
      </c>
      <c r="F61" s="22"/>
      <c r="G61" s="21" t="s">
        <v>118</v>
      </c>
      <c r="H61" s="20"/>
      <c r="I61" s="16">
        <v>200</v>
      </c>
      <c r="J61" s="22">
        <v>41</v>
      </c>
      <c r="K61" s="22">
        <v>159</v>
      </c>
    </row>
    <row r="62" spans="1:11" ht="15" customHeight="1">
      <c r="A62" s="20" t="s">
        <v>119</v>
      </c>
      <c r="B62" s="20"/>
      <c r="C62" s="16">
        <v>4115</v>
      </c>
      <c r="D62" s="22">
        <v>2105</v>
      </c>
      <c r="E62" s="22">
        <v>2010</v>
      </c>
      <c r="F62" s="22"/>
      <c r="G62" s="21" t="s">
        <v>120</v>
      </c>
      <c r="H62" s="20"/>
      <c r="I62" s="16">
        <v>159</v>
      </c>
      <c r="J62" s="22">
        <v>29</v>
      </c>
      <c r="K62" s="22">
        <v>130</v>
      </c>
    </row>
    <row r="63" spans="1:11" ht="15" customHeight="1">
      <c r="A63" s="20" t="s">
        <v>121</v>
      </c>
      <c r="B63" s="20"/>
      <c r="C63" s="16">
        <v>4444</v>
      </c>
      <c r="D63" s="22">
        <v>2308</v>
      </c>
      <c r="E63" s="22">
        <v>2136</v>
      </c>
      <c r="F63" s="22"/>
      <c r="G63" s="21" t="s">
        <v>122</v>
      </c>
      <c r="H63" s="20"/>
      <c r="I63" s="16">
        <v>130</v>
      </c>
      <c r="J63" s="22">
        <v>25</v>
      </c>
      <c r="K63" s="22">
        <v>105</v>
      </c>
    </row>
    <row r="64" spans="1:11" ht="15" customHeight="1">
      <c r="A64" s="20" t="s">
        <v>123</v>
      </c>
      <c r="B64" s="20"/>
      <c r="C64" s="16">
        <v>4732</v>
      </c>
      <c r="D64" s="22">
        <v>2431</v>
      </c>
      <c r="E64" s="22">
        <v>2301</v>
      </c>
      <c r="F64" s="22"/>
      <c r="G64" s="21" t="s">
        <v>124</v>
      </c>
      <c r="H64" s="20"/>
      <c r="I64" s="16">
        <v>89</v>
      </c>
      <c r="J64" s="22">
        <v>21</v>
      </c>
      <c r="K64" s="22">
        <v>68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40</v>
      </c>
      <c r="J65" s="22">
        <v>16</v>
      </c>
      <c r="K65" s="22">
        <v>124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9197</v>
      </c>
      <c r="J66" s="32">
        <v>5185</v>
      </c>
      <c r="K66" s="32">
        <v>4012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62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48878</v>
      </c>
      <c r="D4" s="17">
        <v>126867</v>
      </c>
      <c r="E4" s="17">
        <v>122011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8349</v>
      </c>
      <c r="D5" s="17">
        <v>4300</v>
      </c>
      <c r="E5" s="17">
        <v>4049</v>
      </c>
      <c r="F5" s="17"/>
      <c r="G5" s="21" t="s">
        <v>6</v>
      </c>
      <c r="H5" s="20"/>
      <c r="I5" s="16">
        <v>20048</v>
      </c>
      <c r="J5" s="17">
        <v>10417</v>
      </c>
      <c r="K5" s="17">
        <v>9631</v>
      </c>
    </row>
    <row r="6" spans="1:11" ht="15" customHeight="1">
      <c r="A6" s="20" t="s">
        <v>7</v>
      </c>
      <c r="B6" s="20"/>
      <c r="C6" s="16">
        <v>1696</v>
      </c>
      <c r="D6" s="22">
        <v>868</v>
      </c>
      <c r="E6" s="22">
        <v>828</v>
      </c>
      <c r="F6" s="22"/>
      <c r="G6" s="21" t="s">
        <v>8</v>
      </c>
      <c r="H6" s="20"/>
      <c r="I6" s="16">
        <v>4173</v>
      </c>
      <c r="J6" s="22">
        <v>2108</v>
      </c>
      <c r="K6" s="22">
        <v>2065</v>
      </c>
    </row>
    <row r="7" spans="1:11" ht="15" customHeight="1">
      <c r="A7" s="20" t="s">
        <v>9</v>
      </c>
      <c r="B7" s="20"/>
      <c r="C7" s="16">
        <v>1662</v>
      </c>
      <c r="D7" s="22">
        <v>882</v>
      </c>
      <c r="E7" s="22">
        <v>780</v>
      </c>
      <c r="F7" s="22"/>
      <c r="G7" s="21" t="s">
        <v>10</v>
      </c>
      <c r="H7" s="20"/>
      <c r="I7" s="16">
        <v>3996</v>
      </c>
      <c r="J7" s="22">
        <v>2034</v>
      </c>
      <c r="K7" s="22">
        <v>1962</v>
      </c>
    </row>
    <row r="8" spans="1:11" ht="15" customHeight="1">
      <c r="A8" s="20" t="s">
        <v>11</v>
      </c>
      <c r="B8" s="20"/>
      <c r="C8" s="16">
        <v>1647</v>
      </c>
      <c r="D8" s="22">
        <v>870</v>
      </c>
      <c r="E8" s="22">
        <v>777</v>
      </c>
      <c r="F8" s="22"/>
      <c r="G8" s="21" t="s">
        <v>12</v>
      </c>
      <c r="H8" s="20"/>
      <c r="I8" s="16">
        <v>4071</v>
      </c>
      <c r="J8" s="22">
        <v>2127</v>
      </c>
      <c r="K8" s="22">
        <v>1944</v>
      </c>
    </row>
    <row r="9" spans="1:11" ht="15" customHeight="1">
      <c r="A9" s="20" t="s">
        <v>13</v>
      </c>
      <c r="B9" s="20"/>
      <c r="C9" s="16">
        <v>1610</v>
      </c>
      <c r="D9" s="22">
        <v>816</v>
      </c>
      <c r="E9" s="22">
        <v>794</v>
      </c>
      <c r="F9" s="22"/>
      <c r="G9" s="21" t="s">
        <v>14</v>
      </c>
      <c r="H9" s="20"/>
      <c r="I9" s="16">
        <v>3932</v>
      </c>
      <c r="J9" s="22">
        <v>2099</v>
      </c>
      <c r="K9" s="22">
        <v>1833</v>
      </c>
    </row>
    <row r="10" spans="1:11" ht="15" customHeight="1">
      <c r="A10" s="20" t="s">
        <v>15</v>
      </c>
      <c r="B10" s="20"/>
      <c r="C10" s="16">
        <v>1734</v>
      </c>
      <c r="D10" s="22">
        <v>864</v>
      </c>
      <c r="E10" s="22">
        <v>870</v>
      </c>
      <c r="F10" s="22"/>
      <c r="G10" s="21" t="s">
        <v>16</v>
      </c>
      <c r="H10" s="20"/>
      <c r="I10" s="16">
        <v>3876</v>
      </c>
      <c r="J10" s="22">
        <v>2049</v>
      </c>
      <c r="K10" s="22">
        <v>1827</v>
      </c>
    </row>
    <row r="11" spans="1:11" ht="20.100000000000001" customHeight="1">
      <c r="A11" s="20" t="s">
        <v>17</v>
      </c>
      <c r="B11" s="20"/>
      <c r="C11" s="16">
        <v>9009</v>
      </c>
      <c r="D11" s="17">
        <v>4596</v>
      </c>
      <c r="E11" s="17">
        <v>4413</v>
      </c>
      <c r="F11" s="17"/>
      <c r="G11" s="21" t="s">
        <v>18</v>
      </c>
      <c r="H11" s="20"/>
      <c r="I11" s="16">
        <v>16678</v>
      </c>
      <c r="J11" s="17">
        <v>8911</v>
      </c>
      <c r="K11" s="17">
        <v>7767</v>
      </c>
    </row>
    <row r="12" spans="1:11" ht="15" customHeight="1">
      <c r="A12" s="20" t="s">
        <v>19</v>
      </c>
      <c r="B12" s="20"/>
      <c r="C12" s="16">
        <v>1783</v>
      </c>
      <c r="D12" s="22">
        <v>888</v>
      </c>
      <c r="E12" s="22">
        <v>895</v>
      </c>
      <c r="F12" s="22"/>
      <c r="G12" s="21" t="s">
        <v>20</v>
      </c>
      <c r="H12" s="20"/>
      <c r="I12" s="16">
        <v>3988</v>
      </c>
      <c r="J12" s="22">
        <v>2155</v>
      </c>
      <c r="K12" s="22">
        <v>1833</v>
      </c>
    </row>
    <row r="13" spans="1:11" ht="15" customHeight="1">
      <c r="A13" s="20" t="s">
        <v>21</v>
      </c>
      <c r="B13" s="20"/>
      <c r="C13" s="16">
        <v>1800</v>
      </c>
      <c r="D13" s="22">
        <v>933</v>
      </c>
      <c r="E13" s="22">
        <v>867</v>
      </c>
      <c r="F13" s="22"/>
      <c r="G13" s="21" t="s">
        <v>22</v>
      </c>
      <c r="H13" s="20"/>
      <c r="I13" s="16">
        <v>2825</v>
      </c>
      <c r="J13" s="22">
        <v>1481</v>
      </c>
      <c r="K13" s="22">
        <v>1344</v>
      </c>
    </row>
    <row r="14" spans="1:11" ht="15" customHeight="1">
      <c r="A14" s="20" t="s">
        <v>23</v>
      </c>
      <c r="B14" s="20"/>
      <c r="C14" s="16">
        <v>1812</v>
      </c>
      <c r="D14" s="22">
        <v>903</v>
      </c>
      <c r="E14" s="22">
        <v>909</v>
      </c>
      <c r="F14" s="22"/>
      <c r="G14" s="21" t="s">
        <v>24</v>
      </c>
      <c r="H14" s="20"/>
      <c r="I14" s="16">
        <v>3559</v>
      </c>
      <c r="J14" s="22">
        <v>1868</v>
      </c>
      <c r="K14" s="22">
        <v>1691</v>
      </c>
    </row>
    <row r="15" spans="1:11" ht="15" customHeight="1">
      <c r="A15" s="20" t="s">
        <v>25</v>
      </c>
      <c r="B15" s="20"/>
      <c r="C15" s="16">
        <v>1858</v>
      </c>
      <c r="D15" s="22">
        <v>962</v>
      </c>
      <c r="E15" s="22">
        <v>896</v>
      </c>
      <c r="F15" s="22"/>
      <c r="G15" s="21" t="s">
        <v>26</v>
      </c>
      <c r="H15" s="20"/>
      <c r="I15" s="16">
        <v>3291</v>
      </c>
      <c r="J15" s="22">
        <v>1767</v>
      </c>
      <c r="K15" s="22">
        <v>1524</v>
      </c>
    </row>
    <row r="16" spans="1:11" ht="15" customHeight="1">
      <c r="A16" s="20" t="s">
        <v>27</v>
      </c>
      <c r="B16" s="20"/>
      <c r="C16" s="16">
        <v>1756</v>
      </c>
      <c r="D16" s="22">
        <v>910</v>
      </c>
      <c r="E16" s="22">
        <v>846</v>
      </c>
      <c r="F16" s="22"/>
      <c r="G16" s="21" t="s">
        <v>28</v>
      </c>
      <c r="H16" s="20"/>
      <c r="I16" s="16">
        <v>3015</v>
      </c>
      <c r="J16" s="22">
        <v>1640</v>
      </c>
      <c r="K16" s="22">
        <v>1375</v>
      </c>
    </row>
    <row r="17" spans="1:11" ht="20.100000000000001" customHeight="1">
      <c r="A17" s="24" t="s">
        <v>29</v>
      </c>
      <c r="B17" s="24"/>
      <c r="C17" s="16">
        <v>8999</v>
      </c>
      <c r="D17" s="17">
        <v>4572</v>
      </c>
      <c r="E17" s="17">
        <v>4427</v>
      </c>
      <c r="F17" s="17"/>
      <c r="G17" s="21" t="s">
        <v>30</v>
      </c>
      <c r="H17" s="20"/>
      <c r="I17" s="16">
        <v>12762</v>
      </c>
      <c r="J17" s="17">
        <v>6661</v>
      </c>
      <c r="K17" s="17">
        <v>6101</v>
      </c>
    </row>
    <row r="18" spans="1:11" ht="15" customHeight="1">
      <c r="A18" s="20" t="s">
        <v>31</v>
      </c>
      <c r="B18" s="20"/>
      <c r="C18" s="16">
        <v>1832</v>
      </c>
      <c r="D18" s="22">
        <v>937</v>
      </c>
      <c r="E18" s="22">
        <v>895</v>
      </c>
      <c r="F18" s="22"/>
      <c r="G18" s="21" t="s">
        <v>32</v>
      </c>
      <c r="H18" s="20"/>
      <c r="I18" s="16">
        <v>2724</v>
      </c>
      <c r="J18" s="22">
        <v>1454</v>
      </c>
      <c r="K18" s="22">
        <v>1270</v>
      </c>
    </row>
    <row r="19" spans="1:11" ht="15" customHeight="1">
      <c r="A19" s="20" t="s">
        <v>33</v>
      </c>
      <c r="B19" s="20"/>
      <c r="C19" s="16">
        <v>1757</v>
      </c>
      <c r="D19" s="22">
        <v>869</v>
      </c>
      <c r="E19" s="22">
        <v>888</v>
      </c>
      <c r="F19" s="22"/>
      <c r="G19" s="21" t="s">
        <v>34</v>
      </c>
      <c r="H19" s="20"/>
      <c r="I19" s="16">
        <v>2685</v>
      </c>
      <c r="J19" s="22">
        <v>1422</v>
      </c>
      <c r="K19" s="22">
        <v>1263</v>
      </c>
    </row>
    <row r="20" spans="1:11" ht="15" customHeight="1">
      <c r="A20" s="20" t="s">
        <v>35</v>
      </c>
      <c r="B20" s="20"/>
      <c r="C20" s="16">
        <v>1838</v>
      </c>
      <c r="D20" s="22">
        <v>941</v>
      </c>
      <c r="E20" s="22">
        <v>897</v>
      </c>
      <c r="F20" s="22"/>
      <c r="G20" s="21" t="s">
        <v>36</v>
      </c>
      <c r="H20" s="20"/>
      <c r="I20" s="16">
        <v>2535</v>
      </c>
      <c r="J20" s="22">
        <v>1293</v>
      </c>
      <c r="K20" s="22">
        <v>1242</v>
      </c>
    </row>
    <row r="21" spans="1:11" ht="15" customHeight="1">
      <c r="A21" s="20" t="s">
        <v>37</v>
      </c>
      <c r="B21" s="20"/>
      <c r="C21" s="16">
        <v>1761</v>
      </c>
      <c r="D21" s="22">
        <v>889</v>
      </c>
      <c r="E21" s="22">
        <v>872</v>
      </c>
      <c r="F21" s="22"/>
      <c r="G21" s="21" t="s">
        <v>38</v>
      </c>
      <c r="H21" s="20"/>
      <c r="I21" s="16">
        <v>2430</v>
      </c>
      <c r="J21" s="22">
        <v>1244</v>
      </c>
      <c r="K21" s="22">
        <v>1186</v>
      </c>
    </row>
    <row r="22" spans="1:11" ht="15" customHeight="1">
      <c r="A22" s="20" t="s">
        <v>39</v>
      </c>
      <c r="B22" s="20"/>
      <c r="C22" s="16">
        <v>1811</v>
      </c>
      <c r="D22" s="22">
        <v>936</v>
      </c>
      <c r="E22" s="22">
        <v>875</v>
      </c>
      <c r="F22" s="22"/>
      <c r="G22" s="21" t="s">
        <v>40</v>
      </c>
      <c r="H22" s="20"/>
      <c r="I22" s="16">
        <v>2388</v>
      </c>
      <c r="J22" s="22">
        <v>1248</v>
      </c>
      <c r="K22" s="22">
        <v>1140</v>
      </c>
    </row>
    <row r="23" spans="1:11" ht="19.5" customHeight="1">
      <c r="A23" s="20" t="s">
        <v>41</v>
      </c>
      <c r="B23" s="20"/>
      <c r="C23" s="16">
        <v>9258</v>
      </c>
      <c r="D23" s="17">
        <v>4839</v>
      </c>
      <c r="E23" s="17">
        <v>4419</v>
      </c>
      <c r="F23" s="17"/>
      <c r="G23" s="21" t="s">
        <v>42</v>
      </c>
      <c r="H23" s="20"/>
      <c r="I23" s="16">
        <v>11095</v>
      </c>
      <c r="J23" s="17">
        <v>5601</v>
      </c>
      <c r="K23" s="17">
        <v>5494</v>
      </c>
    </row>
    <row r="24" spans="1:11" ht="15" customHeight="1">
      <c r="A24" s="20" t="s">
        <v>43</v>
      </c>
      <c r="B24" s="20"/>
      <c r="C24" s="16">
        <v>1815</v>
      </c>
      <c r="D24" s="22">
        <v>940</v>
      </c>
      <c r="E24" s="22">
        <v>875</v>
      </c>
      <c r="F24" s="22"/>
      <c r="G24" s="21" t="s">
        <v>44</v>
      </c>
      <c r="H24" s="20"/>
      <c r="I24" s="16">
        <v>2223</v>
      </c>
      <c r="J24" s="22">
        <v>1126</v>
      </c>
      <c r="K24" s="22">
        <v>1097</v>
      </c>
    </row>
    <row r="25" spans="1:11" ht="15" customHeight="1">
      <c r="A25" s="20" t="s">
        <v>45</v>
      </c>
      <c r="B25" s="20"/>
      <c r="C25" s="16">
        <v>1775</v>
      </c>
      <c r="D25" s="22">
        <v>927</v>
      </c>
      <c r="E25" s="22">
        <v>848</v>
      </c>
      <c r="F25" s="22"/>
      <c r="G25" s="21" t="s">
        <v>46</v>
      </c>
      <c r="H25" s="20"/>
      <c r="I25" s="16">
        <v>2285</v>
      </c>
      <c r="J25" s="22">
        <v>1149</v>
      </c>
      <c r="K25" s="22">
        <v>1136</v>
      </c>
    </row>
    <row r="26" spans="1:11" ht="15" customHeight="1">
      <c r="A26" s="20" t="s">
        <v>47</v>
      </c>
      <c r="B26" s="20"/>
      <c r="C26" s="16">
        <v>1665</v>
      </c>
      <c r="D26" s="22">
        <v>858</v>
      </c>
      <c r="E26" s="22">
        <v>807</v>
      </c>
      <c r="F26" s="22"/>
      <c r="G26" s="21" t="s">
        <v>48</v>
      </c>
      <c r="H26" s="20"/>
      <c r="I26" s="16">
        <v>2137</v>
      </c>
      <c r="J26" s="22">
        <v>1070</v>
      </c>
      <c r="K26" s="22">
        <v>1067</v>
      </c>
    </row>
    <row r="27" spans="1:11" ht="15" customHeight="1">
      <c r="A27" s="20" t="s">
        <v>49</v>
      </c>
      <c r="B27" s="20"/>
      <c r="C27" s="16">
        <v>1883</v>
      </c>
      <c r="D27" s="22">
        <v>967</v>
      </c>
      <c r="E27" s="22">
        <v>916</v>
      </c>
      <c r="F27" s="22"/>
      <c r="G27" s="21" t="s">
        <v>50</v>
      </c>
      <c r="H27" s="20"/>
      <c r="I27" s="16">
        <v>2194</v>
      </c>
      <c r="J27" s="22">
        <v>1118</v>
      </c>
      <c r="K27" s="22">
        <v>1076</v>
      </c>
    </row>
    <row r="28" spans="1:11" ht="15" customHeight="1">
      <c r="A28" s="20" t="s">
        <v>51</v>
      </c>
      <c r="B28" s="20"/>
      <c r="C28" s="16">
        <v>2120</v>
      </c>
      <c r="D28" s="22">
        <v>1147</v>
      </c>
      <c r="E28" s="22">
        <v>973</v>
      </c>
      <c r="F28" s="22"/>
      <c r="G28" s="21" t="s">
        <v>52</v>
      </c>
      <c r="H28" s="20"/>
      <c r="I28" s="16">
        <v>2256</v>
      </c>
      <c r="J28" s="22">
        <v>1138</v>
      </c>
      <c r="K28" s="22">
        <v>1118</v>
      </c>
    </row>
    <row r="29" spans="1:11" ht="20.100000000000001" customHeight="1">
      <c r="A29" s="20" t="s">
        <v>53</v>
      </c>
      <c r="B29" s="20"/>
      <c r="C29" s="16">
        <v>15729</v>
      </c>
      <c r="D29" s="17">
        <v>8321</v>
      </c>
      <c r="E29" s="17">
        <v>7408</v>
      </c>
      <c r="F29" s="17"/>
      <c r="G29" s="21" t="s">
        <v>54</v>
      </c>
      <c r="H29" s="20"/>
      <c r="I29" s="16">
        <v>13487</v>
      </c>
      <c r="J29" s="17">
        <v>6515</v>
      </c>
      <c r="K29" s="17">
        <v>6972</v>
      </c>
    </row>
    <row r="30" spans="1:11" ht="15" customHeight="1">
      <c r="A30" s="20" t="s">
        <v>55</v>
      </c>
      <c r="B30" s="20"/>
      <c r="C30" s="16">
        <v>2250</v>
      </c>
      <c r="D30" s="22">
        <v>1162</v>
      </c>
      <c r="E30" s="22">
        <v>1088</v>
      </c>
      <c r="F30" s="22"/>
      <c r="G30" s="21" t="s">
        <v>56</v>
      </c>
      <c r="H30" s="20"/>
      <c r="I30" s="16">
        <v>2456</v>
      </c>
      <c r="J30" s="22">
        <v>1236</v>
      </c>
      <c r="K30" s="22">
        <v>1220</v>
      </c>
    </row>
    <row r="31" spans="1:11" ht="15" customHeight="1">
      <c r="A31" s="20" t="s">
        <v>57</v>
      </c>
      <c r="B31" s="20"/>
      <c r="C31" s="16">
        <v>2846</v>
      </c>
      <c r="D31" s="22">
        <v>1508</v>
      </c>
      <c r="E31" s="22">
        <v>1338</v>
      </c>
      <c r="F31" s="22"/>
      <c r="G31" s="21" t="s">
        <v>58</v>
      </c>
      <c r="H31" s="20"/>
      <c r="I31" s="16">
        <v>2435</v>
      </c>
      <c r="J31" s="22">
        <v>1191</v>
      </c>
      <c r="K31" s="22">
        <v>1244</v>
      </c>
    </row>
    <row r="32" spans="1:11" ht="15" customHeight="1">
      <c r="A32" s="20" t="s">
        <v>59</v>
      </c>
      <c r="B32" s="20"/>
      <c r="C32" s="16">
        <v>3122</v>
      </c>
      <c r="D32" s="22">
        <v>1647</v>
      </c>
      <c r="E32" s="22">
        <v>1475</v>
      </c>
      <c r="F32" s="22"/>
      <c r="G32" s="21" t="s">
        <v>60</v>
      </c>
      <c r="H32" s="20"/>
      <c r="I32" s="16">
        <v>2660</v>
      </c>
      <c r="J32" s="22">
        <v>1275</v>
      </c>
      <c r="K32" s="22">
        <v>1385</v>
      </c>
    </row>
    <row r="33" spans="1:11" ht="15" customHeight="1">
      <c r="A33" s="20" t="s">
        <v>61</v>
      </c>
      <c r="B33" s="20"/>
      <c r="C33" s="16">
        <v>3631</v>
      </c>
      <c r="D33" s="22">
        <v>1929</v>
      </c>
      <c r="E33" s="22">
        <v>1702</v>
      </c>
      <c r="F33" s="22"/>
      <c r="G33" s="21" t="s">
        <v>62</v>
      </c>
      <c r="H33" s="20"/>
      <c r="I33" s="16">
        <v>3047</v>
      </c>
      <c r="J33" s="22">
        <v>1456</v>
      </c>
      <c r="K33" s="22">
        <v>1591</v>
      </c>
    </row>
    <row r="34" spans="1:11" ht="15" customHeight="1">
      <c r="A34" s="20" t="s">
        <v>63</v>
      </c>
      <c r="B34" s="20"/>
      <c r="C34" s="16">
        <v>3880</v>
      </c>
      <c r="D34" s="22">
        <v>2075</v>
      </c>
      <c r="E34" s="22">
        <v>1805</v>
      </c>
      <c r="F34" s="22"/>
      <c r="G34" s="21" t="s">
        <v>64</v>
      </c>
      <c r="H34" s="20"/>
      <c r="I34" s="16">
        <v>2889</v>
      </c>
      <c r="J34" s="22">
        <v>1357</v>
      </c>
      <c r="K34" s="22">
        <v>1532</v>
      </c>
    </row>
    <row r="35" spans="1:11" ht="20.100000000000001" customHeight="1">
      <c r="A35" s="20" t="s">
        <v>65</v>
      </c>
      <c r="B35" s="20"/>
      <c r="C35" s="16">
        <v>17733</v>
      </c>
      <c r="D35" s="17">
        <v>9513</v>
      </c>
      <c r="E35" s="17">
        <v>8220</v>
      </c>
      <c r="F35" s="17"/>
      <c r="G35" s="21" t="s">
        <v>66</v>
      </c>
      <c r="H35" s="20"/>
      <c r="I35" s="16">
        <v>10400</v>
      </c>
      <c r="J35" s="17">
        <v>4692</v>
      </c>
      <c r="K35" s="17">
        <v>5708</v>
      </c>
    </row>
    <row r="36" spans="1:11" ht="15" customHeight="1">
      <c r="A36" s="20" t="s">
        <v>67</v>
      </c>
      <c r="B36" s="20"/>
      <c r="C36" s="16">
        <v>3661</v>
      </c>
      <c r="D36" s="22">
        <v>1972</v>
      </c>
      <c r="E36" s="22">
        <v>1689</v>
      </c>
      <c r="F36" s="22"/>
      <c r="G36" s="21" t="s">
        <v>68</v>
      </c>
      <c r="H36" s="20"/>
      <c r="I36" s="16">
        <v>2846</v>
      </c>
      <c r="J36" s="22">
        <v>1343</v>
      </c>
      <c r="K36" s="22">
        <v>1503</v>
      </c>
    </row>
    <row r="37" spans="1:11" ht="15" customHeight="1">
      <c r="A37" s="20" t="s">
        <v>69</v>
      </c>
      <c r="B37" s="20"/>
      <c r="C37" s="16">
        <v>3819</v>
      </c>
      <c r="D37" s="22">
        <v>2052</v>
      </c>
      <c r="E37" s="22">
        <v>1767</v>
      </c>
      <c r="F37" s="22"/>
      <c r="G37" s="21" t="s">
        <v>70</v>
      </c>
      <c r="H37" s="20"/>
      <c r="I37" s="16">
        <v>1809</v>
      </c>
      <c r="J37" s="22">
        <v>844</v>
      </c>
      <c r="K37" s="22">
        <v>965</v>
      </c>
    </row>
    <row r="38" spans="1:11" ht="15" customHeight="1">
      <c r="A38" s="20" t="s">
        <v>71</v>
      </c>
      <c r="B38" s="20"/>
      <c r="C38" s="16">
        <v>3571</v>
      </c>
      <c r="D38" s="22">
        <v>1954</v>
      </c>
      <c r="E38" s="22">
        <v>1617</v>
      </c>
      <c r="F38" s="22"/>
      <c r="G38" s="21" t="s">
        <v>72</v>
      </c>
      <c r="H38" s="20"/>
      <c r="I38" s="16">
        <v>1723</v>
      </c>
      <c r="J38" s="22">
        <v>794</v>
      </c>
      <c r="K38" s="22">
        <v>929</v>
      </c>
    </row>
    <row r="39" spans="1:11" ht="15" customHeight="1">
      <c r="A39" s="20" t="s">
        <v>73</v>
      </c>
      <c r="B39" s="20"/>
      <c r="C39" s="16">
        <v>3509</v>
      </c>
      <c r="D39" s="22">
        <v>1848</v>
      </c>
      <c r="E39" s="22">
        <v>1661</v>
      </c>
      <c r="F39" s="22"/>
      <c r="G39" s="21" t="s">
        <v>74</v>
      </c>
      <c r="H39" s="20"/>
      <c r="I39" s="16">
        <v>1969</v>
      </c>
      <c r="J39" s="22">
        <v>853</v>
      </c>
      <c r="K39" s="22">
        <v>1116</v>
      </c>
    </row>
    <row r="40" spans="1:11" ht="15" customHeight="1">
      <c r="A40" s="20" t="s">
        <v>75</v>
      </c>
      <c r="B40" s="20"/>
      <c r="C40" s="16">
        <v>3173</v>
      </c>
      <c r="D40" s="22">
        <v>1687</v>
      </c>
      <c r="E40" s="22">
        <v>1486</v>
      </c>
      <c r="F40" s="22"/>
      <c r="G40" s="21" t="s">
        <v>76</v>
      </c>
      <c r="H40" s="20"/>
      <c r="I40" s="16">
        <v>2053</v>
      </c>
      <c r="J40" s="22">
        <v>858</v>
      </c>
      <c r="K40" s="22">
        <v>1195</v>
      </c>
    </row>
    <row r="41" spans="1:11" ht="20.100000000000001" customHeight="1">
      <c r="A41" s="20" t="s">
        <v>77</v>
      </c>
      <c r="B41" s="20"/>
      <c r="C41" s="16">
        <v>15689</v>
      </c>
      <c r="D41" s="17">
        <v>8228</v>
      </c>
      <c r="E41" s="17">
        <v>7461</v>
      </c>
      <c r="F41" s="17"/>
      <c r="G41" s="21" t="s">
        <v>78</v>
      </c>
      <c r="H41" s="20"/>
      <c r="I41" s="16">
        <v>8263</v>
      </c>
      <c r="J41" s="17">
        <v>3425</v>
      </c>
      <c r="K41" s="17">
        <v>4838</v>
      </c>
    </row>
    <row r="42" spans="1:11" ht="15" customHeight="1">
      <c r="A42" s="20" t="s">
        <v>79</v>
      </c>
      <c r="B42" s="20"/>
      <c r="C42" s="16">
        <v>3292</v>
      </c>
      <c r="D42" s="22">
        <v>1772</v>
      </c>
      <c r="E42" s="22">
        <v>1520</v>
      </c>
      <c r="F42" s="22"/>
      <c r="G42" s="21" t="s">
        <v>80</v>
      </c>
      <c r="H42" s="20"/>
      <c r="I42" s="16">
        <v>1946</v>
      </c>
      <c r="J42" s="22">
        <v>836</v>
      </c>
      <c r="K42" s="22">
        <v>1110</v>
      </c>
    </row>
    <row r="43" spans="1:11" ht="15" customHeight="1">
      <c r="A43" s="20" t="s">
        <v>81</v>
      </c>
      <c r="B43" s="20"/>
      <c r="C43" s="16">
        <v>3113</v>
      </c>
      <c r="D43" s="22">
        <v>1629</v>
      </c>
      <c r="E43" s="22">
        <v>1484</v>
      </c>
      <c r="F43" s="22"/>
      <c r="G43" s="21" t="s">
        <v>82</v>
      </c>
      <c r="H43" s="20"/>
      <c r="I43" s="16">
        <v>1854</v>
      </c>
      <c r="J43" s="22">
        <v>771</v>
      </c>
      <c r="K43" s="22">
        <v>1083</v>
      </c>
    </row>
    <row r="44" spans="1:11" ht="15" customHeight="1">
      <c r="A44" s="20" t="s">
        <v>83</v>
      </c>
      <c r="B44" s="20"/>
      <c r="C44" s="16">
        <v>3130</v>
      </c>
      <c r="D44" s="22">
        <v>1609</v>
      </c>
      <c r="E44" s="22">
        <v>1521</v>
      </c>
      <c r="F44" s="22"/>
      <c r="G44" s="21" t="s">
        <v>84</v>
      </c>
      <c r="H44" s="20"/>
      <c r="I44" s="16">
        <v>1719</v>
      </c>
      <c r="J44" s="22">
        <v>690</v>
      </c>
      <c r="K44" s="22">
        <v>1029</v>
      </c>
    </row>
    <row r="45" spans="1:11" ht="15" customHeight="1">
      <c r="A45" s="20" t="s">
        <v>85</v>
      </c>
      <c r="B45" s="20"/>
      <c r="C45" s="16">
        <v>3018</v>
      </c>
      <c r="D45" s="22">
        <v>1558</v>
      </c>
      <c r="E45" s="22">
        <v>1460</v>
      </c>
      <c r="F45" s="22"/>
      <c r="G45" s="21" t="s">
        <v>86</v>
      </c>
      <c r="H45" s="20"/>
      <c r="I45" s="16">
        <v>1456</v>
      </c>
      <c r="J45" s="22">
        <v>562</v>
      </c>
      <c r="K45" s="22">
        <v>894</v>
      </c>
    </row>
    <row r="46" spans="1:11" ht="15" customHeight="1">
      <c r="A46" s="20" t="s">
        <v>87</v>
      </c>
      <c r="B46" s="20"/>
      <c r="C46" s="16">
        <v>3136</v>
      </c>
      <c r="D46" s="22">
        <v>1660</v>
      </c>
      <c r="E46" s="22">
        <v>1476</v>
      </c>
      <c r="F46" s="22"/>
      <c r="G46" s="21" t="s">
        <v>88</v>
      </c>
      <c r="H46" s="20"/>
      <c r="I46" s="16">
        <v>1288</v>
      </c>
      <c r="J46" s="22">
        <v>566</v>
      </c>
      <c r="K46" s="22">
        <v>722</v>
      </c>
    </row>
    <row r="47" spans="1:11" ht="20.100000000000001" customHeight="1">
      <c r="A47" s="20" t="s">
        <v>89</v>
      </c>
      <c r="B47" s="20"/>
      <c r="C47" s="16">
        <v>16463</v>
      </c>
      <c r="D47" s="17">
        <v>8517</v>
      </c>
      <c r="E47" s="17">
        <v>7946</v>
      </c>
      <c r="F47" s="17"/>
      <c r="G47" s="21" t="s">
        <v>90</v>
      </c>
      <c r="H47" s="20"/>
      <c r="I47" s="16">
        <v>5661</v>
      </c>
      <c r="J47" s="17">
        <v>1927</v>
      </c>
      <c r="K47" s="17">
        <v>3734</v>
      </c>
    </row>
    <row r="48" spans="1:11" ht="15" customHeight="1">
      <c r="A48" s="20" t="s">
        <v>91</v>
      </c>
      <c r="B48" s="20"/>
      <c r="C48" s="16">
        <v>3195</v>
      </c>
      <c r="D48" s="23">
        <v>1669</v>
      </c>
      <c r="E48" s="23">
        <v>1526</v>
      </c>
      <c r="F48" s="22"/>
      <c r="G48" s="21" t="s">
        <v>92</v>
      </c>
      <c r="H48" s="20"/>
      <c r="I48" s="16">
        <v>1411</v>
      </c>
      <c r="J48" s="22">
        <v>541</v>
      </c>
      <c r="K48" s="22">
        <v>870</v>
      </c>
    </row>
    <row r="49" spans="1:11" ht="15" customHeight="1">
      <c r="A49" s="20" t="s">
        <v>93</v>
      </c>
      <c r="B49" s="20"/>
      <c r="C49" s="16">
        <v>3214</v>
      </c>
      <c r="D49" s="23">
        <v>1619</v>
      </c>
      <c r="E49" s="23">
        <v>1595</v>
      </c>
      <c r="F49" s="22"/>
      <c r="G49" s="21" t="s">
        <v>94</v>
      </c>
      <c r="H49" s="20"/>
      <c r="I49" s="16">
        <v>1225</v>
      </c>
      <c r="J49" s="22">
        <v>440</v>
      </c>
      <c r="K49" s="22">
        <v>785</v>
      </c>
    </row>
    <row r="50" spans="1:11" ht="15" customHeight="1">
      <c r="A50" s="20" t="s">
        <v>95</v>
      </c>
      <c r="B50" s="20"/>
      <c r="C50" s="16">
        <v>3369</v>
      </c>
      <c r="D50" s="23">
        <v>1750</v>
      </c>
      <c r="E50" s="23">
        <v>1619</v>
      </c>
      <c r="F50" s="22"/>
      <c r="G50" s="21" t="s">
        <v>96</v>
      </c>
      <c r="H50" s="20"/>
      <c r="I50" s="16">
        <v>1168</v>
      </c>
      <c r="J50" s="22">
        <v>372</v>
      </c>
      <c r="K50" s="22">
        <v>796</v>
      </c>
    </row>
    <row r="51" spans="1:11" ht="15" customHeight="1">
      <c r="A51" s="20" t="s">
        <v>97</v>
      </c>
      <c r="B51" s="20"/>
      <c r="C51" s="16">
        <v>3353</v>
      </c>
      <c r="D51" s="23">
        <v>1748</v>
      </c>
      <c r="E51" s="23">
        <v>1605</v>
      </c>
      <c r="F51" s="22"/>
      <c r="G51" s="21" t="s">
        <v>98</v>
      </c>
      <c r="H51" s="20"/>
      <c r="I51" s="16">
        <v>964</v>
      </c>
      <c r="J51" s="22">
        <v>302</v>
      </c>
      <c r="K51" s="22">
        <v>662</v>
      </c>
    </row>
    <row r="52" spans="1:11" ht="15" customHeight="1">
      <c r="A52" s="20" t="s">
        <v>99</v>
      </c>
      <c r="B52" s="20"/>
      <c r="C52" s="16">
        <v>3332</v>
      </c>
      <c r="D52" s="23">
        <v>1731</v>
      </c>
      <c r="E52" s="23">
        <v>1601</v>
      </c>
      <c r="F52" s="22"/>
      <c r="G52" s="21" t="s">
        <v>100</v>
      </c>
      <c r="H52" s="20"/>
      <c r="I52" s="16">
        <v>893</v>
      </c>
      <c r="J52" s="22">
        <v>272</v>
      </c>
      <c r="K52" s="22">
        <v>621</v>
      </c>
    </row>
    <row r="53" spans="1:11" ht="20.100000000000001" customHeight="1">
      <c r="A53" s="20" t="s">
        <v>101</v>
      </c>
      <c r="B53" s="20"/>
      <c r="C53" s="16">
        <v>16723</v>
      </c>
      <c r="D53" s="17">
        <v>8681</v>
      </c>
      <c r="E53" s="17">
        <v>8042</v>
      </c>
      <c r="F53" s="17"/>
      <c r="G53" s="21" t="s">
        <v>102</v>
      </c>
      <c r="H53" s="20"/>
      <c r="I53" s="16">
        <v>2809</v>
      </c>
      <c r="J53" s="17">
        <v>800</v>
      </c>
      <c r="K53" s="17">
        <v>2009</v>
      </c>
    </row>
    <row r="54" spans="1:11" ht="15" customHeight="1">
      <c r="A54" s="20" t="s">
        <v>103</v>
      </c>
      <c r="B54" s="20"/>
      <c r="C54" s="16">
        <v>3246</v>
      </c>
      <c r="D54" s="22">
        <v>1719</v>
      </c>
      <c r="E54" s="22">
        <v>1527</v>
      </c>
      <c r="F54" s="22"/>
      <c r="G54" s="21" t="s">
        <v>104</v>
      </c>
      <c r="H54" s="20"/>
      <c r="I54" s="16">
        <v>793</v>
      </c>
      <c r="J54" s="22">
        <v>247</v>
      </c>
      <c r="K54" s="22">
        <v>546</v>
      </c>
    </row>
    <row r="55" spans="1:11" ht="15" customHeight="1">
      <c r="A55" s="20" t="s">
        <v>105</v>
      </c>
      <c r="B55" s="20"/>
      <c r="C55" s="16">
        <v>3226</v>
      </c>
      <c r="D55" s="22">
        <v>1692</v>
      </c>
      <c r="E55" s="22">
        <v>1534</v>
      </c>
      <c r="F55" s="22"/>
      <c r="G55" s="21" t="s">
        <v>106</v>
      </c>
      <c r="H55" s="20"/>
      <c r="I55" s="16">
        <v>679</v>
      </c>
      <c r="J55" s="22">
        <v>185</v>
      </c>
      <c r="K55" s="22">
        <v>494</v>
      </c>
    </row>
    <row r="56" spans="1:11" ht="15" customHeight="1">
      <c r="A56" s="20" t="s">
        <v>107</v>
      </c>
      <c r="B56" s="20"/>
      <c r="C56" s="16">
        <v>3294</v>
      </c>
      <c r="D56" s="22">
        <v>1678</v>
      </c>
      <c r="E56" s="22">
        <v>1616</v>
      </c>
      <c r="F56" s="22"/>
      <c r="G56" s="21" t="s">
        <v>108</v>
      </c>
      <c r="H56" s="20"/>
      <c r="I56" s="16">
        <v>531</v>
      </c>
      <c r="J56" s="22">
        <v>165</v>
      </c>
      <c r="K56" s="22">
        <v>366</v>
      </c>
    </row>
    <row r="57" spans="1:11" ht="15" customHeight="1">
      <c r="A57" s="20" t="s">
        <v>109</v>
      </c>
      <c r="B57" s="20"/>
      <c r="C57" s="16">
        <v>3387</v>
      </c>
      <c r="D57" s="22">
        <v>1747</v>
      </c>
      <c r="E57" s="22">
        <v>1640</v>
      </c>
      <c r="F57" s="22"/>
      <c r="G57" s="21" t="s">
        <v>110</v>
      </c>
      <c r="H57" s="20"/>
      <c r="I57" s="16">
        <v>439</v>
      </c>
      <c r="J57" s="22">
        <v>110</v>
      </c>
      <c r="K57" s="22">
        <v>329</v>
      </c>
    </row>
    <row r="58" spans="1:11" ht="15" customHeight="1">
      <c r="A58" s="20" t="s">
        <v>111</v>
      </c>
      <c r="B58" s="20"/>
      <c r="C58" s="16">
        <v>3570</v>
      </c>
      <c r="D58" s="22">
        <v>1845</v>
      </c>
      <c r="E58" s="22">
        <v>1725</v>
      </c>
      <c r="F58" s="22"/>
      <c r="G58" s="21" t="s">
        <v>112</v>
      </c>
      <c r="H58" s="20"/>
      <c r="I58" s="16">
        <v>367</v>
      </c>
      <c r="J58" s="22">
        <v>93</v>
      </c>
      <c r="K58" s="22">
        <v>274</v>
      </c>
    </row>
    <row r="59" spans="1:11" ht="20.100000000000001" customHeight="1">
      <c r="A59" s="20" t="s">
        <v>113</v>
      </c>
      <c r="B59" s="20"/>
      <c r="C59" s="16">
        <v>19376</v>
      </c>
      <c r="D59" s="17">
        <v>9875</v>
      </c>
      <c r="E59" s="17">
        <v>9501</v>
      </c>
      <c r="F59" s="17"/>
      <c r="G59" s="21" t="s">
        <v>114</v>
      </c>
      <c r="H59" s="20"/>
      <c r="I59" s="16">
        <v>714</v>
      </c>
      <c r="J59" s="17">
        <v>159</v>
      </c>
      <c r="K59" s="17">
        <v>555</v>
      </c>
    </row>
    <row r="60" spans="1:11" ht="15" customHeight="1">
      <c r="A60" s="20" t="s">
        <v>115</v>
      </c>
      <c r="B60" s="20"/>
      <c r="C60" s="16">
        <v>3591</v>
      </c>
      <c r="D60" s="22">
        <v>1856</v>
      </c>
      <c r="E60" s="22">
        <v>1735</v>
      </c>
      <c r="F60" s="22"/>
      <c r="G60" s="21" t="s">
        <v>116</v>
      </c>
      <c r="H60" s="20"/>
      <c r="I60" s="16">
        <v>243</v>
      </c>
      <c r="J60" s="22">
        <v>64</v>
      </c>
      <c r="K60" s="22">
        <v>179</v>
      </c>
    </row>
    <row r="61" spans="1:11" ht="15" customHeight="1">
      <c r="A61" s="20" t="s">
        <v>117</v>
      </c>
      <c r="B61" s="20"/>
      <c r="C61" s="16">
        <v>3657</v>
      </c>
      <c r="D61" s="22">
        <v>1895</v>
      </c>
      <c r="E61" s="22">
        <v>1762</v>
      </c>
      <c r="F61" s="22"/>
      <c r="G61" s="21" t="s">
        <v>118</v>
      </c>
      <c r="H61" s="20"/>
      <c r="I61" s="16">
        <v>200</v>
      </c>
      <c r="J61" s="22">
        <v>45</v>
      </c>
      <c r="K61" s="22">
        <v>155</v>
      </c>
    </row>
    <row r="62" spans="1:11" ht="15" customHeight="1">
      <c r="A62" s="20" t="s">
        <v>119</v>
      </c>
      <c r="B62" s="20"/>
      <c r="C62" s="16">
        <v>3729</v>
      </c>
      <c r="D62" s="22">
        <v>1893</v>
      </c>
      <c r="E62" s="22">
        <v>1836</v>
      </c>
      <c r="F62" s="22"/>
      <c r="G62" s="21" t="s">
        <v>120</v>
      </c>
      <c r="H62" s="20"/>
      <c r="I62" s="16">
        <v>112</v>
      </c>
      <c r="J62" s="22">
        <v>18</v>
      </c>
      <c r="K62" s="22">
        <v>94</v>
      </c>
    </row>
    <row r="63" spans="1:11" ht="15" customHeight="1">
      <c r="A63" s="20" t="s">
        <v>121</v>
      </c>
      <c r="B63" s="20"/>
      <c r="C63" s="16">
        <v>4065</v>
      </c>
      <c r="D63" s="22">
        <v>2051</v>
      </c>
      <c r="E63" s="22">
        <v>2014</v>
      </c>
      <c r="F63" s="22"/>
      <c r="G63" s="21" t="s">
        <v>122</v>
      </c>
      <c r="H63" s="20"/>
      <c r="I63" s="16">
        <v>106</v>
      </c>
      <c r="J63" s="22">
        <v>26</v>
      </c>
      <c r="K63" s="22">
        <v>80</v>
      </c>
    </row>
    <row r="64" spans="1:11" ht="15" customHeight="1">
      <c r="A64" s="20" t="s">
        <v>123</v>
      </c>
      <c r="B64" s="20"/>
      <c r="C64" s="16">
        <v>4334</v>
      </c>
      <c r="D64" s="22">
        <v>2180</v>
      </c>
      <c r="E64" s="22">
        <v>2154</v>
      </c>
      <c r="F64" s="22"/>
      <c r="G64" s="21" t="s">
        <v>124</v>
      </c>
      <c r="H64" s="20"/>
      <c r="I64" s="16">
        <v>53</v>
      </c>
      <c r="J64" s="22">
        <v>6</v>
      </c>
      <c r="K64" s="22">
        <v>47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02</v>
      </c>
      <c r="J65" s="22">
        <v>17</v>
      </c>
      <c r="K65" s="22">
        <v>85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9531</v>
      </c>
      <c r="J66" s="32">
        <v>6300</v>
      </c>
      <c r="K66" s="32">
        <v>3231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4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34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23956</v>
      </c>
      <c r="D4" s="17">
        <v>115250</v>
      </c>
      <c r="E4" s="17">
        <v>108706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6961</v>
      </c>
      <c r="D5" s="17">
        <v>3524</v>
      </c>
      <c r="E5" s="17">
        <v>3437</v>
      </c>
      <c r="F5" s="17"/>
      <c r="G5" s="21" t="s">
        <v>6</v>
      </c>
      <c r="H5" s="20"/>
      <c r="I5" s="16">
        <v>18674</v>
      </c>
      <c r="J5" s="17">
        <v>9996</v>
      </c>
      <c r="K5" s="17">
        <v>8678</v>
      </c>
    </row>
    <row r="6" spans="1:11" ht="15" customHeight="1">
      <c r="A6" s="20" t="s">
        <v>7</v>
      </c>
      <c r="B6" s="20"/>
      <c r="C6" s="16">
        <v>1294</v>
      </c>
      <c r="D6" s="22">
        <v>640</v>
      </c>
      <c r="E6" s="22">
        <v>654</v>
      </c>
      <c r="F6" s="22"/>
      <c r="G6" s="21" t="s">
        <v>8</v>
      </c>
      <c r="H6" s="20"/>
      <c r="I6" s="16">
        <v>4016</v>
      </c>
      <c r="J6" s="22">
        <v>2123</v>
      </c>
      <c r="K6" s="22">
        <v>1893</v>
      </c>
    </row>
    <row r="7" spans="1:11" ht="15" customHeight="1">
      <c r="A7" s="20" t="s">
        <v>9</v>
      </c>
      <c r="B7" s="20"/>
      <c r="C7" s="16">
        <v>1342</v>
      </c>
      <c r="D7" s="22">
        <v>680</v>
      </c>
      <c r="E7" s="22">
        <v>662</v>
      </c>
      <c r="F7" s="22"/>
      <c r="G7" s="21" t="s">
        <v>10</v>
      </c>
      <c r="H7" s="20"/>
      <c r="I7" s="16">
        <v>3884</v>
      </c>
      <c r="J7" s="22">
        <v>2065</v>
      </c>
      <c r="K7" s="22">
        <v>1819</v>
      </c>
    </row>
    <row r="8" spans="1:11" ht="15" customHeight="1">
      <c r="A8" s="20" t="s">
        <v>11</v>
      </c>
      <c r="B8" s="20"/>
      <c r="C8" s="16">
        <v>1423</v>
      </c>
      <c r="D8" s="22">
        <v>719</v>
      </c>
      <c r="E8" s="22">
        <v>704</v>
      </c>
      <c r="F8" s="22"/>
      <c r="G8" s="21" t="s">
        <v>12</v>
      </c>
      <c r="H8" s="20"/>
      <c r="I8" s="16">
        <v>3779</v>
      </c>
      <c r="J8" s="22">
        <v>2054</v>
      </c>
      <c r="K8" s="22">
        <v>1725</v>
      </c>
    </row>
    <row r="9" spans="1:11" ht="15" customHeight="1">
      <c r="A9" s="20" t="s">
        <v>13</v>
      </c>
      <c r="B9" s="20"/>
      <c r="C9" s="16">
        <v>1413</v>
      </c>
      <c r="D9" s="22">
        <v>737</v>
      </c>
      <c r="E9" s="22">
        <v>676</v>
      </c>
      <c r="F9" s="22"/>
      <c r="G9" s="21" t="s">
        <v>14</v>
      </c>
      <c r="H9" s="20"/>
      <c r="I9" s="16">
        <v>3561</v>
      </c>
      <c r="J9" s="22">
        <v>1883</v>
      </c>
      <c r="K9" s="22">
        <v>1678</v>
      </c>
    </row>
    <row r="10" spans="1:11" ht="15" customHeight="1">
      <c r="A10" s="20" t="s">
        <v>15</v>
      </c>
      <c r="B10" s="20"/>
      <c r="C10" s="16">
        <v>1489</v>
      </c>
      <c r="D10" s="22">
        <v>748</v>
      </c>
      <c r="E10" s="22">
        <v>741</v>
      </c>
      <c r="F10" s="22"/>
      <c r="G10" s="21" t="s">
        <v>16</v>
      </c>
      <c r="H10" s="20"/>
      <c r="I10" s="16">
        <v>3434</v>
      </c>
      <c r="J10" s="22">
        <v>1871</v>
      </c>
      <c r="K10" s="22">
        <v>1563</v>
      </c>
    </row>
    <row r="11" spans="1:11" ht="20.100000000000001" customHeight="1">
      <c r="A11" s="20" t="s">
        <v>17</v>
      </c>
      <c r="B11" s="20"/>
      <c r="C11" s="16">
        <v>8342</v>
      </c>
      <c r="D11" s="17">
        <v>4226</v>
      </c>
      <c r="E11" s="17">
        <v>4116</v>
      </c>
      <c r="F11" s="17"/>
      <c r="G11" s="21" t="s">
        <v>18</v>
      </c>
      <c r="H11" s="20"/>
      <c r="I11" s="16">
        <v>15020</v>
      </c>
      <c r="J11" s="17">
        <v>8097</v>
      </c>
      <c r="K11" s="17">
        <v>6923</v>
      </c>
    </row>
    <row r="12" spans="1:11" ht="15" customHeight="1">
      <c r="A12" s="20" t="s">
        <v>19</v>
      </c>
      <c r="B12" s="20"/>
      <c r="C12" s="16">
        <v>1548</v>
      </c>
      <c r="D12" s="22">
        <v>835</v>
      </c>
      <c r="E12" s="22">
        <v>713</v>
      </c>
      <c r="F12" s="22"/>
      <c r="G12" s="21" t="s">
        <v>20</v>
      </c>
      <c r="H12" s="20"/>
      <c r="I12" s="16">
        <v>3613</v>
      </c>
      <c r="J12" s="22">
        <v>1918</v>
      </c>
      <c r="K12" s="22">
        <v>1695</v>
      </c>
    </row>
    <row r="13" spans="1:11" ht="15" customHeight="1">
      <c r="A13" s="20" t="s">
        <v>21</v>
      </c>
      <c r="B13" s="20"/>
      <c r="C13" s="16">
        <v>1608</v>
      </c>
      <c r="D13" s="22">
        <v>806</v>
      </c>
      <c r="E13" s="22">
        <v>802</v>
      </c>
      <c r="F13" s="22"/>
      <c r="G13" s="21" t="s">
        <v>22</v>
      </c>
      <c r="H13" s="20"/>
      <c r="I13" s="16">
        <v>2540</v>
      </c>
      <c r="J13" s="22">
        <v>1390</v>
      </c>
      <c r="K13" s="22">
        <v>1150</v>
      </c>
    </row>
    <row r="14" spans="1:11" ht="15" customHeight="1">
      <c r="A14" s="20" t="s">
        <v>23</v>
      </c>
      <c r="B14" s="20"/>
      <c r="C14" s="16">
        <v>1709</v>
      </c>
      <c r="D14" s="22">
        <v>831</v>
      </c>
      <c r="E14" s="22">
        <v>878</v>
      </c>
      <c r="F14" s="22"/>
      <c r="G14" s="21" t="s">
        <v>24</v>
      </c>
      <c r="H14" s="20"/>
      <c r="I14" s="16">
        <v>3286</v>
      </c>
      <c r="J14" s="22">
        <v>1788</v>
      </c>
      <c r="K14" s="22">
        <v>1498</v>
      </c>
    </row>
    <row r="15" spans="1:11" ht="15" customHeight="1">
      <c r="A15" s="20" t="s">
        <v>25</v>
      </c>
      <c r="B15" s="20"/>
      <c r="C15" s="16">
        <v>1694</v>
      </c>
      <c r="D15" s="22">
        <v>827</v>
      </c>
      <c r="E15" s="22">
        <v>867</v>
      </c>
      <c r="F15" s="22"/>
      <c r="G15" s="21" t="s">
        <v>26</v>
      </c>
      <c r="H15" s="20"/>
      <c r="I15" s="16">
        <v>2915</v>
      </c>
      <c r="J15" s="22">
        <v>1571</v>
      </c>
      <c r="K15" s="22">
        <v>1344</v>
      </c>
    </row>
    <row r="16" spans="1:11" ht="15" customHeight="1">
      <c r="A16" s="20" t="s">
        <v>27</v>
      </c>
      <c r="B16" s="20"/>
      <c r="C16" s="16">
        <v>1783</v>
      </c>
      <c r="D16" s="22">
        <v>927</v>
      </c>
      <c r="E16" s="22">
        <v>856</v>
      </c>
      <c r="F16" s="22"/>
      <c r="G16" s="21" t="s">
        <v>28</v>
      </c>
      <c r="H16" s="20"/>
      <c r="I16" s="16">
        <v>2666</v>
      </c>
      <c r="J16" s="22">
        <v>1430</v>
      </c>
      <c r="K16" s="22">
        <v>1236</v>
      </c>
    </row>
    <row r="17" spans="1:11" ht="20.100000000000001" customHeight="1">
      <c r="A17" s="24" t="s">
        <v>29</v>
      </c>
      <c r="B17" s="24"/>
      <c r="C17" s="16">
        <v>9568</v>
      </c>
      <c r="D17" s="17">
        <v>4985</v>
      </c>
      <c r="E17" s="17">
        <v>4583</v>
      </c>
      <c r="F17" s="17"/>
      <c r="G17" s="21" t="s">
        <v>30</v>
      </c>
      <c r="H17" s="20"/>
      <c r="I17" s="16">
        <v>12038</v>
      </c>
      <c r="J17" s="17">
        <v>6263</v>
      </c>
      <c r="K17" s="17">
        <v>5775</v>
      </c>
    </row>
    <row r="18" spans="1:11" ht="15" customHeight="1">
      <c r="A18" s="20" t="s">
        <v>31</v>
      </c>
      <c r="B18" s="20"/>
      <c r="C18" s="16">
        <v>1787</v>
      </c>
      <c r="D18" s="22">
        <v>921</v>
      </c>
      <c r="E18" s="22">
        <v>866</v>
      </c>
      <c r="F18" s="22"/>
      <c r="G18" s="21" t="s">
        <v>32</v>
      </c>
      <c r="H18" s="20"/>
      <c r="I18" s="16">
        <v>2512</v>
      </c>
      <c r="J18" s="22">
        <v>1349</v>
      </c>
      <c r="K18" s="22">
        <v>1163</v>
      </c>
    </row>
    <row r="19" spans="1:11" ht="15" customHeight="1">
      <c r="A19" s="20" t="s">
        <v>33</v>
      </c>
      <c r="B19" s="20"/>
      <c r="C19" s="16">
        <v>1870</v>
      </c>
      <c r="D19" s="22">
        <v>1019</v>
      </c>
      <c r="E19" s="22">
        <v>851</v>
      </c>
      <c r="F19" s="22"/>
      <c r="G19" s="21" t="s">
        <v>34</v>
      </c>
      <c r="H19" s="20"/>
      <c r="I19" s="16">
        <v>2463</v>
      </c>
      <c r="J19" s="22">
        <v>1285</v>
      </c>
      <c r="K19" s="22">
        <v>1178</v>
      </c>
    </row>
    <row r="20" spans="1:11" ht="15" customHeight="1">
      <c r="A20" s="20" t="s">
        <v>35</v>
      </c>
      <c r="B20" s="20"/>
      <c r="C20" s="16">
        <v>1987</v>
      </c>
      <c r="D20" s="22">
        <v>1011</v>
      </c>
      <c r="E20" s="22">
        <v>976</v>
      </c>
      <c r="F20" s="22"/>
      <c r="G20" s="21" t="s">
        <v>36</v>
      </c>
      <c r="H20" s="20"/>
      <c r="I20" s="16">
        <v>2380</v>
      </c>
      <c r="J20" s="22">
        <v>1209</v>
      </c>
      <c r="K20" s="22">
        <v>1171</v>
      </c>
    </row>
    <row r="21" spans="1:11" ht="15" customHeight="1">
      <c r="A21" s="20" t="s">
        <v>37</v>
      </c>
      <c r="B21" s="20"/>
      <c r="C21" s="16">
        <v>1919</v>
      </c>
      <c r="D21" s="22">
        <v>1017</v>
      </c>
      <c r="E21" s="22">
        <v>902</v>
      </c>
      <c r="F21" s="22"/>
      <c r="G21" s="21" t="s">
        <v>38</v>
      </c>
      <c r="H21" s="20"/>
      <c r="I21" s="16">
        <v>2379</v>
      </c>
      <c r="J21" s="22">
        <v>1241</v>
      </c>
      <c r="K21" s="22">
        <v>1138</v>
      </c>
    </row>
    <row r="22" spans="1:11" ht="15" customHeight="1">
      <c r="A22" s="20" t="s">
        <v>39</v>
      </c>
      <c r="B22" s="20"/>
      <c r="C22" s="16">
        <v>2005</v>
      </c>
      <c r="D22" s="22">
        <v>1017</v>
      </c>
      <c r="E22" s="22">
        <v>988</v>
      </c>
      <c r="F22" s="22"/>
      <c r="G22" s="21" t="s">
        <v>40</v>
      </c>
      <c r="H22" s="20"/>
      <c r="I22" s="16">
        <v>2304</v>
      </c>
      <c r="J22" s="22">
        <v>1179</v>
      </c>
      <c r="K22" s="22">
        <v>1125</v>
      </c>
    </row>
    <row r="23" spans="1:11" ht="20.100000000000001" customHeight="1">
      <c r="A23" s="20" t="s">
        <v>41</v>
      </c>
      <c r="B23" s="20"/>
      <c r="C23" s="16">
        <v>10267</v>
      </c>
      <c r="D23" s="17">
        <v>5276</v>
      </c>
      <c r="E23" s="17">
        <v>4991</v>
      </c>
      <c r="F23" s="17"/>
      <c r="G23" s="21" t="s">
        <v>42</v>
      </c>
      <c r="H23" s="20"/>
      <c r="I23" s="16">
        <v>11919</v>
      </c>
      <c r="J23" s="17">
        <v>5873</v>
      </c>
      <c r="K23" s="17">
        <v>6046</v>
      </c>
    </row>
    <row r="24" spans="1:11" ht="15" customHeight="1">
      <c r="A24" s="20" t="s">
        <v>43</v>
      </c>
      <c r="B24" s="20"/>
      <c r="C24" s="16">
        <v>2024</v>
      </c>
      <c r="D24" s="22">
        <v>1057</v>
      </c>
      <c r="E24" s="22">
        <v>967</v>
      </c>
      <c r="F24" s="22"/>
      <c r="G24" s="21" t="s">
        <v>44</v>
      </c>
      <c r="H24" s="20"/>
      <c r="I24" s="16">
        <v>2199</v>
      </c>
      <c r="J24" s="22">
        <v>1155</v>
      </c>
      <c r="K24" s="22">
        <v>1044</v>
      </c>
    </row>
    <row r="25" spans="1:11" ht="15" customHeight="1">
      <c r="A25" s="20" t="s">
        <v>45</v>
      </c>
      <c r="B25" s="20"/>
      <c r="C25" s="16">
        <v>2000</v>
      </c>
      <c r="D25" s="22">
        <v>1031</v>
      </c>
      <c r="E25" s="22">
        <v>969</v>
      </c>
      <c r="F25" s="22"/>
      <c r="G25" s="21" t="s">
        <v>46</v>
      </c>
      <c r="H25" s="20"/>
      <c r="I25" s="16">
        <v>2288</v>
      </c>
      <c r="J25" s="22">
        <v>1146</v>
      </c>
      <c r="K25" s="22">
        <v>1142</v>
      </c>
    </row>
    <row r="26" spans="1:11" ht="15" customHeight="1">
      <c r="A26" s="20" t="s">
        <v>47</v>
      </c>
      <c r="B26" s="20"/>
      <c r="C26" s="16">
        <v>1975</v>
      </c>
      <c r="D26" s="22">
        <v>997</v>
      </c>
      <c r="E26" s="22">
        <v>978</v>
      </c>
      <c r="F26" s="22"/>
      <c r="G26" s="21" t="s">
        <v>48</v>
      </c>
      <c r="H26" s="20"/>
      <c r="I26" s="16">
        <v>2406</v>
      </c>
      <c r="J26" s="22">
        <v>1180</v>
      </c>
      <c r="K26" s="22">
        <v>1226</v>
      </c>
    </row>
    <row r="27" spans="1:11" ht="15" customHeight="1">
      <c r="A27" s="20" t="s">
        <v>49</v>
      </c>
      <c r="B27" s="20"/>
      <c r="C27" s="16">
        <v>1970</v>
      </c>
      <c r="D27" s="22">
        <v>990</v>
      </c>
      <c r="E27" s="22">
        <v>980</v>
      </c>
      <c r="F27" s="22"/>
      <c r="G27" s="21" t="s">
        <v>50</v>
      </c>
      <c r="H27" s="20"/>
      <c r="I27" s="16">
        <v>2510</v>
      </c>
      <c r="J27" s="22">
        <v>1192</v>
      </c>
      <c r="K27" s="22">
        <v>1318</v>
      </c>
    </row>
    <row r="28" spans="1:11" ht="15" customHeight="1">
      <c r="A28" s="20" t="s">
        <v>51</v>
      </c>
      <c r="B28" s="20"/>
      <c r="C28" s="16">
        <v>2298</v>
      </c>
      <c r="D28" s="22">
        <v>1201</v>
      </c>
      <c r="E28" s="22">
        <v>1097</v>
      </c>
      <c r="F28" s="22"/>
      <c r="G28" s="21" t="s">
        <v>52</v>
      </c>
      <c r="H28" s="20"/>
      <c r="I28" s="16">
        <v>2516</v>
      </c>
      <c r="J28" s="22">
        <v>1200</v>
      </c>
      <c r="K28" s="22">
        <v>1316</v>
      </c>
    </row>
    <row r="29" spans="1:11" ht="20.100000000000001" customHeight="1">
      <c r="A29" s="20" t="s">
        <v>53</v>
      </c>
      <c r="B29" s="20"/>
      <c r="C29" s="16">
        <v>13605</v>
      </c>
      <c r="D29" s="17">
        <v>7545</v>
      </c>
      <c r="E29" s="17">
        <v>6060</v>
      </c>
      <c r="F29" s="17"/>
      <c r="G29" s="21" t="s">
        <v>54</v>
      </c>
      <c r="H29" s="20"/>
      <c r="I29" s="16">
        <v>15946</v>
      </c>
      <c r="J29" s="17">
        <v>7539</v>
      </c>
      <c r="K29" s="17">
        <v>8407</v>
      </c>
    </row>
    <row r="30" spans="1:11" ht="15" customHeight="1">
      <c r="A30" s="20" t="s">
        <v>55</v>
      </c>
      <c r="B30" s="20"/>
      <c r="C30" s="16">
        <v>2379</v>
      </c>
      <c r="D30" s="22">
        <v>1253</v>
      </c>
      <c r="E30" s="22">
        <v>1126</v>
      </c>
      <c r="F30" s="22"/>
      <c r="G30" s="21" t="s">
        <v>56</v>
      </c>
      <c r="H30" s="20"/>
      <c r="I30" s="16">
        <v>2846</v>
      </c>
      <c r="J30" s="22">
        <v>1343</v>
      </c>
      <c r="K30" s="22">
        <v>1503</v>
      </c>
    </row>
    <row r="31" spans="1:11" ht="15" customHeight="1">
      <c r="A31" s="20" t="s">
        <v>57</v>
      </c>
      <c r="B31" s="20"/>
      <c r="C31" s="16">
        <v>2785</v>
      </c>
      <c r="D31" s="22">
        <v>1557</v>
      </c>
      <c r="E31" s="22">
        <v>1228</v>
      </c>
      <c r="F31" s="22"/>
      <c r="G31" s="21" t="s">
        <v>58</v>
      </c>
      <c r="H31" s="20"/>
      <c r="I31" s="16">
        <v>2960</v>
      </c>
      <c r="J31" s="22">
        <v>1407</v>
      </c>
      <c r="K31" s="22">
        <v>1553</v>
      </c>
    </row>
    <row r="32" spans="1:11" ht="15" customHeight="1">
      <c r="A32" s="20" t="s">
        <v>59</v>
      </c>
      <c r="B32" s="20"/>
      <c r="C32" s="16">
        <v>2852</v>
      </c>
      <c r="D32" s="22">
        <v>1605</v>
      </c>
      <c r="E32" s="22">
        <v>1247</v>
      </c>
      <c r="F32" s="22"/>
      <c r="G32" s="21" t="s">
        <v>60</v>
      </c>
      <c r="H32" s="20"/>
      <c r="I32" s="16">
        <v>3133</v>
      </c>
      <c r="J32" s="22">
        <v>1490</v>
      </c>
      <c r="K32" s="22">
        <v>1643</v>
      </c>
    </row>
    <row r="33" spans="1:11" ht="15" customHeight="1">
      <c r="A33" s="20" t="s">
        <v>61</v>
      </c>
      <c r="B33" s="20"/>
      <c r="C33" s="16">
        <v>2868</v>
      </c>
      <c r="D33" s="22">
        <v>1594</v>
      </c>
      <c r="E33" s="22">
        <v>1274</v>
      </c>
      <c r="F33" s="22"/>
      <c r="G33" s="21" t="s">
        <v>62</v>
      </c>
      <c r="H33" s="20"/>
      <c r="I33" s="16">
        <v>3555</v>
      </c>
      <c r="J33" s="22">
        <v>1701</v>
      </c>
      <c r="K33" s="22">
        <v>1854</v>
      </c>
    </row>
    <row r="34" spans="1:11" ht="15" customHeight="1">
      <c r="A34" s="20" t="s">
        <v>63</v>
      </c>
      <c r="B34" s="20"/>
      <c r="C34" s="16">
        <v>2721</v>
      </c>
      <c r="D34" s="22">
        <v>1536</v>
      </c>
      <c r="E34" s="22">
        <v>1185</v>
      </c>
      <c r="F34" s="22"/>
      <c r="G34" s="21" t="s">
        <v>64</v>
      </c>
      <c r="H34" s="20"/>
      <c r="I34" s="16">
        <v>3452</v>
      </c>
      <c r="J34" s="22">
        <v>1598</v>
      </c>
      <c r="K34" s="22">
        <v>1854</v>
      </c>
    </row>
    <row r="35" spans="1:11" ht="20.100000000000001" customHeight="1">
      <c r="A35" s="20" t="s">
        <v>65</v>
      </c>
      <c r="B35" s="20"/>
      <c r="C35" s="16">
        <v>12268</v>
      </c>
      <c r="D35" s="17">
        <v>6907</v>
      </c>
      <c r="E35" s="17">
        <v>5361</v>
      </c>
      <c r="F35" s="17"/>
      <c r="G35" s="21" t="s">
        <v>66</v>
      </c>
      <c r="H35" s="20"/>
      <c r="I35" s="16">
        <v>12883</v>
      </c>
      <c r="J35" s="17">
        <v>6009</v>
      </c>
      <c r="K35" s="17">
        <v>6874</v>
      </c>
    </row>
    <row r="36" spans="1:11" ht="15" customHeight="1">
      <c r="A36" s="20" t="s">
        <v>67</v>
      </c>
      <c r="B36" s="20"/>
      <c r="C36" s="16">
        <v>2569</v>
      </c>
      <c r="D36" s="22">
        <v>1406</v>
      </c>
      <c r="E36" s="22">
        <v>1163</v>
      </c>
      <c r="F36" s="22"/>
      <c r="G36" s="21" t="s">
        <v>68</v>
      </c>
      <c r="H36" s="20"/>
      <c r="I36" s="16">
        <v>3416</v>
      </c>
      <c r="J36" s="22">
        <v>1585</v>
      </c>
      <c r="K36" s="22">
        <v>1831</v>
      </c>
    </row>
    <row r="37" spans="1:11" ht="15" customHeight="1">
      <c r="A37" s="20" t="s">
        <v>69</v>
      </c>
      <c r="B37" s="20"/>
      <c r="C37" s="16">
        <v>2496</v>
      </c>
      <c r="D37" s="22">
        <v>1419</v>
      </c>
      <c r="E37" s="22">
        <v>1077</v>
      </c>
      <c r="F37" s="22"/>
      <c r="G37" s="21" t="s">
        <v>70</v>
      </c>
      <c r="H37" s="20"/>
      <c r="I37" s="16">
        <v>2394</v>
      </c>
      <c r="J37" s="22">
        <v>1152</v>
      </c>
      <c r="K37" s="22">
        <v>1242</v>
      </c>
    </row>
    <row r="38" spans="1:11" ht="15" customHeight="1">
      <c r="A38" s="20" t="s">
        <v>71</v>
      </c>
      <c r="B38" s="20"/>
      <c r="C38" s="16">
        <v>2428</v>
      </c>
      <c r="D38" s="22">
        <v>1352</v>
      </c>
      <c r="E38" s="22">
        <v>1076</v>
      </c>
      <c r="F38" s="22"/>
      <c r="G38" s="21" t="s">
        <v>72</v>
      </c>
      <c r="H38" s="20"/>
      <c r="I38" s="16">
        <v>2059</v>
      </c>
      <c r="J38" s="22">
        <v>994</v>
      </c>
      <c r="K38" s="22">
        <v>1065</v>
      </c>
    </row>
    <row r="39" spans="1:11" ht="15" customHeight="1">
      <c r="A39" s="20" t="s">
        <v>73</v>
      </c>
      <c r="B39" s="20"/>
      <c r="C39" s="16">
        <v>2471</v>
      </c>
      <c r="D39" s="22">
        <v>1414</v>
      </c>
      <c r="E39" s="22">
        <v>1057</v>
      </c>
      <c r="F39" s="22"/>
      <c r="G39" s="21" t="s">
        <v>74</v>
      </c>
      <c r="H39" s="20"/>
      <c r="I39" s="16">
        <v>2508</v>
      </c>
      <c r="J39" s="22">
        <v>1146</v>
      </c>
      <c r="K39" s="22">
        <v>1362</v>
      </c>
    </row>
    <row r="40" spans="1:11" ht="15" customHeight="1">
      <c r="A40" s="20" t="s">
        <v>75</v>
      </c>
      <c r="B40" s="20"/>
      <c r="C40" s="16">
        <v>2304</v>
      </c>
      <c r="D40" s="22">
        <v>1316</v>
      </c>
      <c r="E40" s="22">
        <v>988</v>
      </c>
      <c r="F40" s="22"/>
      <c r="G40" s="21" t="s">
        <v>76</v>
      </c>
      <c r="H40" s="20"/>
      <c r="I40" s="16">
        <v>2506</v>
      </c>
      <c r="J40" s="22">
        <v>1132</v>
      </c>
      <c r="K40" s="22">
        <v>1374</v>
      </c>
    </row>
    <row r="41" spans="1:11" ht="20.100000000000001" customHeight="1">
      <c r="A41" s="20" t="s">
        <v>77</v>
      </c>
      <c r="B41" s="20"/>
      <c r="C41" s="16">
        <v>11160</v>
      </c>
      <c r="D41" s="17">
        <v>6224</v>
      </c>
      <c r="E41" s="17">
        <v>4936</v>
      </c>
      <c r="F41" s="17"/>
      <c r="G41" s="21" t="s">
        <v>78</v>
      </c>
      <c r="H41" s="20"/>
      <c r="I41" s="16">
        <v>9598</v>
      </c>
      <c r="J41" s="17">
        <v>4398</v>
      </c>
      <c r="K41" s="17">
        <v>5200</v>
      </c>
    </row>
    <row r="42" spans="1:11" ht="15" customHeight="1">
      <c r="A42" s="20" t="s">
        <v>79</v>
      </c>
      <c r="B42" s="20"/>
      <c r="C42" s="16">
        <v>2246</v>
      </c>
      <c r="D42" s="22">
        <v>1264</v>
      </c>
      <c r="E42" s="22">
        <v>982</v>
      </c>
      <c r="F42" s="22"/>
      <c r="G42" s="21" t="s">
        <v>80</v>
      </c>
      <c r="H42" s="20"/>
      <c r="I42" s="16">
        <v>2410</v>
      </c>
      <c r="J42" s="22">
        <v>1119</v>
      </c>
      <c r="K42" s="22">
        <v>1291</v>
      </c>
    </row>
    <row r="43" spans="1:11" ht="15" customHeight="1">
      <c r="A43" s="20" t="s">
        <v>81</v>
      </c>
      <c r="B43" s="20"/>
      <c r="C43" s="16">
        <v>2266</v>
      </c>
      <c r="D43" s="22">
        <v>1244</v>
      </c>
      <c r="E43" s="22">
        <v>1022</v>
      </c>
      <c r="F43" s="22"/>
      <c r="G43" s="21" t="s">
        <v>82</v>
      </c>
      <c r="H43" s="20"/>
      <c r="I43" s="16">
        <v>2169</v>
      </c>
      <c r="J43" s="22">
        <v>978</v>
      </c>
      <c r="K43" s="22">
        <v>1191</v>
      </c>
    </row>
    <row r="44" spans="1:11" ht="15" customHeight="1">
      <c r="A44" s="20" t="s">
        <v>83</v>
      </c>
      <c r="B44" s="20"/>
      <c r="C44" s="16">
        <v>2233</v>
      </c>
      <c r="D44" s="22">
        <v>1266</v>
      </c>
      <c r="E44" s="22">
        <v>967</v>
      </c>
      <c r="F44" s="22"/>
      <c r="G44" s="21" t="s">
        <v>84</v>
      </c>
      <c r="H44" s="20"/>
      <c r="I44" s="16">
        <v>2012</v>
      </c>
      <c r="J44" s="22">
        <v>933</v>
      </c>
      <c r="K44" s="22">
        <v>1079</v>
      </c>
    </row>
    <row r="45" spans="1:11" ht="15" customHeight="1">
      <c r="A45" s="20" t="s">
        <v>85</v>
      </c>
      <c r="B45" s="20"/>
      <c r="C45" s="16">
        <v>2181</v>
      </c>
      <c r="D45" s="22">
        <v>1248</v>
      </c>
      <c r="E45" s="22">
        <v>933</v>
      </c>
      <c r="F45" s="22"/>
      <c r="G45" s="21" t="s">
        <v>86</v>
      </c>
      <c r="H45" s="20"/>
      <c r="I45" s="16">
        <v>1602</v>
      </c>
      <c r="J45" s="22">
        <v>715</v>
      </c>
      <c r="K45" s="22">
        <v>887</v>
      </c>
    </row>
    <row r="46" spans="1:11" ht="15" customHeight="1">
      <c r="A46" s="20" t="s">
        <v>87</v>
      </c>
      <c r="B46" s="20"/>
      <c r="C46" s="16">
        <v>2234</v>
      </c>
      <c r="D46" s="22">
        <v>1202</v>
      </c>
      <c r="E46" s="22">
        <v>1032</v>
      </c>
      <c r="F46" s="22"/>
      <c r="G46" s="21" t="s">
        <v>88</v>
      </c>
      <c r="H46" s="20"/>
      <c r="I46" s="16">
        <v>1405</v>
      </c>
      <c r="J46" s="22">
        <v>653</v>
      </c>
      <c r="K46" s="22">
        <v>752</v>
      </c>
    </row>
    <row r="47" spans="1:11" ht="20.100000000000001" customHeight="1">
      <c r="A47" s="20" t="s">
        <v>89</v>
      </c>
      <c r="B47" s="20"/>
      <c r="C47" s="16">
        <v>12230</v>
      </c>
      <c r="D47" s="17">
        <v>6657</v>
      </c>
      <c r="E47" s="17">
        <v>5573</v>
      </c>
      <c r="F47" s="17"/>
      <c r="G47" s="21" t="s">
        <v>90</v>
      </c>
      <c r="H47" s="20"/>
      <c r="I47" s="16">
        <v>5207</v>
      </c>
      <c r="J47" s="17">
        <v>2158</v>
      </c>
      <c r="K47" s="17">
        <v>3049</v>
      </c>
    </row>
    <row r="48" spans="1:11" ht="15" customHeight="1">
      <c r="A48" s="20" t="s">
        <v>91</v>
      </c>
      <c r="B48" s="20"/>
      <c r="C48" s="16">
        <v>2221</v>
      </c>
      <c r="D48" s="22">
        <v>1229</v>
      </c>
      <c r="E48" s="22">
        <v>992</v>
      </c>
      <c r="F48" s="22"/>
      <c r="G48" s="21" t="s">
        <v>92</v>
      </c>
      <c r="H48" s="20"/>
      <c r="I48" s="16">
        <v>1332</v>
      </c>
      <c r="J48" s="22">
        <v>574</v>
      </c>
      <c r="K48" s="22">
        <v>758</v>
      </c>
    </row>
    <row r="49" spans="1:11" ht="15" customHeight="1">
      <c r="A49" s="20" t="s">
        <v>93</v>
      </c>
      <c r="B49" s="20"/>
      <c r="C49" s="16">
        <v>2328</v>
      </c>
      <c r="D49" s="22">
        <v>1285</v>
      </c>
      <c r="E49" s="22">
        <v>1043</v>
      </c>
      <c r="F49" s="22"/>
      <c r="G49" s="21" t="s">
        <v>94</v>
      </c>
      <c r="H49" s="20"/>
      <c r="I49" s="16">
        <v>1206</v>
      </c>
      <c r="J49" s="22">
        <v>528</v>
      </c>
      <c r="K49" s="22">
        <v>678</v>
      </c>
    </row>
    <row r="50" spans="1:11" ht="15" customHeight="1">
      <c r="A50" s="20" t="s">
        <v>95</v>
      </c>
      <c r="B50" s="20"/>
      <c r="C50" s="16">
        <v>2389</v>
      </c>
      <c r="D50" s="22">
        <v>1283</v>
      </c>
      <c r="E50" s="22">
        <v>1106</v>
      </c>
      <c r="F50" s="22"/>
      <c r="G50" s="21" t="s">
        <v>96</v>
      </c>
      <c r="H50" s="20"/>
      <c r="I50" s="16">
        <v>1074</v>
      </c>
      <c r="J50" s="22">
        <v>426</v>
      </c>
      <c r="K50" s="22">
        <v>648</v>
      </c>
    </row>
    <row r="51" spans="1:11" ht="15" customHeight="1">
      <c r="A51" s="20" t="s">
        <v>97</v>
      </c>
      <c r="B51" s="20"/>
      <c r="C51" s="16">
        <v>2582</v>
      </c>
      <c r="D51" s="22">
        <v>1399</v>
      </c>
      <c r="E51" s="22">
        <v>1183</v>
      </c>
      <c r="F51" s="22"/>
      <c r="G51" s="21" t="s">
        <v>98</v>
      </c>
      <c r="H51" s="20"/>
      <c r="I51" s="16">
        <v>843</v>
      </c>
      <c r="J51" s="22">
        <v>347</v>
      </c>
      <c r="K51" s="22">
        <v>496</v>
      </c>
    </row>
    <row r="52" spans="1:11" ht="15" customHeight="1">
      <c r="A52" s="20" t="s">
        <v>99</v>
      </c>
      <c r="B52" s="20"/>
      <c r="C52" s="16">
        <v>2710</v>
      </c>
      <c r="D52" s="22">
        <v>1461</v>
      </c>
      <c r="E52" s="22">
        <v>1249</v>
      </c>
      <c r="F52" s="22"/>
      <c r="G52" s="21" t="s">
        <v>100</v>
      </c>
      <c r="H52" s="20"/>
      <c r="I52" s="16">
        <v>752</v>
      </c>
      <c r="J52" s="22">
        <v>283</v>
      </c>
      <c r="K52" s="22">
        <v>469</v>
      </c>
    </row>
    <row r="53" spans="1:11" ht="20.100000000000001" customHeight="1">
      <c r="A53" s="20" t="s">
        <v>101</v>
      </c>
      <c r="B53" s="20"/>
      <c r="C53" s="16">
        <v>14344</v>
      </c>
      <c r="D53" s="17">
        <v>7668</v>
      </c>
      <c r="E53" s="17">
        <v>6676</v>
      </c>
      <c r="F53" s="17"/>
      <c r="G53" s="21" t="s">
        <v>102</v>
      </c>
      <c r="H53" s="20"/>
      <c r="I53" s="16">
        <v>2215</v>
      </c>
      <c r="J53" s="17">
        <v>663</v>
      </c>
      <c r="K53" s="17">
        <v>1552</v>
      </c>
    </row>
    <row r="54" spans="1:11" ht="15" customHeight="1">
      <c r="A54" s="20" t="s">
        <v>103</v>
      </c>
      <c r="B54" s="20"/>
      <c r="C54" s="16">
        <v>2620</v>
      </c>
      <c r="D54" s="22">
        <v>1395</v>
      </c>
      <c r="E54" s="22">
        <v>1225</v>
      </c>
      <c r="F54" s="22"/>
      <c r="G54" s="21" t="s">
        <v>104</v>
      </c>
      <c r="H54" s="20"/>
      <c r="I54" s="16">
        <v>686</v>
      </c>
      <c r="J54" s="22">
        <v>234</v>
      </c>
      <c r="K54" s="22">
        <v>452</v>
      </c>
    </row>
    <row r="55" spans="1:11" ht="15" customHeight="1">
      <c r="A55" s="20" t="s">
        <v>105</v>
      </c>
      <c r="B55" s="20"/>
      <c r="C55" s="16">
        <v>2759</v>
      </c>
      <c r="D55" s="22">
        <v>1453</v>
      </c>
      <c r="E55" s="22">
        <v>1306</v>
      </c>
      <c r="F55" s="22"/>
      <c r="G55" s="21" t="s">
        <v>106</v>
      </c>
      <c r="H55" s="20"/>
      <c r="I55" s="16">
        <v>524</v>
      </c>
      <c r="J55" s="22">
        <v>155</v>
      </c>
      <c r="K55" s="22">
        <v>369</v>
      </c>
    </row>
    <row r="56" spans="1:11" ht="15" customHeight="1">
      <c r="A56" s="20" t="s">
        <v>107</v>
      </c>
      <c r="B56" s="20"/>
      <c r="C56" s="16">
        <v>2768</v>
      </c>
      <c r="D56" s="22">
        <v>1480</v>
      </c>
      <c r="E56" s="22">
        <v>1288</v>
      </c>
      <c r="F56" s="22"/>
      <c r="G56" s="21" t="s">
        <v>108</v>
      </c>
      <c r="H56" s="20"/>
      <c r="I56" s="16">
        <v>387</v>
      </c>
      <c r="J56" s="22">
        <v>96</v>
      </c>
      <c r="K56" s="22">
        <v>291</v>
      </c>
    </row>
    <row r="57" spans="1:11" ht="15" customHeight="1">
      <c r="A57" s="20" t="s">
        <v>109</v>
      </c>
      <c r="B57" s="20"/>
      <c r="C57" s="16">
        <v>3088</v>
      </c>
      <c r="D57" s="22">
        <v>1670</v>
      </c>
      <c r="E57" s="22">
        <v>1418</v>
      </c>
      <c r="F57" s="22"/>
      <c r="G57" s="21" t="s">
        <v>110</v>
      </c>
      <c r="H57" s="20"/>
      <c r="I57" s="16">
        <v>335</v>
      </c>
      <c r="J57" s="22">
        <v>105</v>
      </c>
      <c r="K57" s="22">
        <v>230</v>
      </c>
    </row>
    <row r="58" spans="1:11" ht="15" customHeight="1">
      <c r="A58" s="20" t="s">
        <v>111</v>
      </c>
      <c r="B58" s="20"/>
      <c r="C58" s="16">
        <v>3109</v>
      </c>
      <c r="D58" s="22">
        <v>1670</v>
      </c>
      <c r="E58" s="22">
        <v>1439</v>
      </c>
      <c r="F58" s="22"/>
      <c r="G58" s="21" t="s">
        <v>112</v>
      </c>
      <c r="H58" s="20"/>
      <c r="I58" s="16">
        <v>283</v>
      </c>
      <c r="J58" s="22">
        <v>73</v>
      </c>
      <c r="K58" s="22">
        <v>210</v>
      </c>
    </row>
    <row r="59" spans="1:11" ht="20.100000000000001" customHeight="1">
      <c r="A59" s="20" t="s">
        <v>113</v>
      </c>
      <c r="B59" s="20"/>
      <c r="C59" s="16">
        <v>17855</v>
      </c>
      <c r="D59" s="17">
        <v>9520</v>
      </c>
      <c r="E59" s="17">
        <v>8335</v>
      </c>
      <c r="F59" s="17"/>
      <c r="G59" s="21" t="s">
        <v>114</v>
      </c>
      <c r="H59" s="20"/>
      <c r="I59" s="16">
        <v>572</v>
      </c>
      <c r="J59" s="17">
        <v>133</v>
      </c>
      <c r="K59" s="17">
        <v>439</v>
      </c>
    </row>
    <row r="60" spans="1:11" ht="15" customHeight="1">
      <c r="A60" s="20" t="s">
        <v>115</v>
      </c>
      <c r="B60" s="20"/>
      <c r="C60" s="16">
        <v>3192</v>
      </c>
      <c r="D60" s="22">
        <v>1688</v>
      </c>
      <c r="E60" s="22">
        <v>1504</v>
      </c>
      <c r="F60" s="22"/>
      <c r="G60" s="21" t="s">
        <v>116</v>
      </c>
      <c r="H60" s="20"/>
      <c r="I60" s="16">
        <v>198</v>
      </c>
      <c r="J60" s="22">
        <v>48</v>
      </c>
      <c r="K60" s="22">
        <v>150</v>
      </c>
    </row>
    <row r="61" spans="1:11" ht="15" customHeight="1">
      <c r="A61" s="20" t="s">
        <v>117</v>
      </c>
      <c r="B61" s="20"/>
      <c r="C61" s="16">
        <v>3308</v>
      </c>
      <c r="D61" s="22">
        <v>1795</v>
      </c>
      <c r="E61" s="22">
        <v>1513</v>
      </c>
      <c r="F61" s="22"/>
      <c r="G61" s="21" t="s">
        <v>118</v>
      </c>
      <c r="H61" s="20"/>
      <c r="I61" s="16">
        <v>135</v>
      </c>
      <c r="J61" s="22">
        <v>38</v>
      </c>
      <c r="K61" s="22">
        <v>97</v>
      </c>
    </row>
    <row r="62" spans="1:11" ht="15" customHeight="1">
      <c r="A62" s="20" t="s">
        <v>119</v>
      </c>
      <c r="B62" s="20"/>
      <c r="C62" s="16">
        <v>3535</v>
      </c>
      <c r="D62" s="22">
        <v>1808</v>
      </c>
      <c r="E62" s="22">
        <v>1727</v>
      </c>
      <c r="F62" s="22"/>
      <c r="G62" s="21" t="s">
        <v>120</v>
      </c>
      <c r="H62" s="20"/>
      <c r="I62" s="16">
        <v>113</v>
      </c>
      <c r="J62" s="22">
        <v>23</v>
      </c>
      <c r="K62" s="22">
        <v>90</v>
      </c>
    </row>
    <row r="63" spans="1:11" ht="15" customHeight="1">
      <c r="A63" s="20" t="s">
        <v>121</v>
      </c>
      <c r="B63" s="20"/>
      <c r="C63" s="16">
        <v>3769</v>
      </c>
      <c r="D63" s="22">
        <v>2031</v>
      </c>
      <c r="E63" s="22">
        <v>1738</v>
      </c>
      <c r="F63" s="22"/>
      <c r="G63" s="21" t="s">
        <v>122</v>
      </c>
      <c r="H63" s="20"/>
      <c r="I63" s="16">
        <v>68</v>
      </c>
      <c r="J63" s="22">
        <v>12</v>
      </c>
      <c r="K63" s="22">
        <v>56</v>
      </c>
    </row>
    <row r="64" spans="1:11" ht="15" customHeight="1">
      <c r="A64" s="20" t="s">
        <v>123</v>
      </c>
      <c r="B64" s="20"/>
      <c r="C64" s="16">
        <v>4051</v>
      </c>
      <c r="D64" s="22">
        <v>2198</v>
      </c>
      <c r="E64" s="22">
        <v>1853</v>
      </c>
      <c r="F64" s="22"/>
      <c r="G64" s="21" t="s">
        <v>124</v>
      </c>
      <c r="H64" s="20"/>
      <c r="I64" s="16">
        <v>58</v>
      </c>
      <c r="J64" s="22">
        <v>12</v>
      </c>
      <c r="K64" s="22">
        <v>46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82</v>
      </c>
      <c r="J65" s="22">
        <v>12</v>
      </c>
      <c r="K65" s="22">
        <v>70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3202</v>
      </c>
      <c r="J66" s="32">
        <v>1577</v>
      </c>
      <c r="K66" s="32">
        <v>1625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5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35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43067</v>
      </c>
      <c r="D4" s="17">
        <v>121120</v>
      </c>
      <c r="E4" s="17">
        <v>121947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9403</v>
      </c>
      <c r="D5" s="17">
        <v>4742</v>
      </c>
      <c r="E5" s="17">
        <v>4661</v>
      </c>
      <c r="F5" s="17"/>
      <c r="G5" s="21" t="s">
        <v>6</v>
      </c>
      <c r="H5" s="20"/>
      <c r="I5" s="16">
        <v>20043</v>
      </c>
      <c r="J5" s="17">
        <v>10373</v>
      </c>
      <c r="K5" s="17">
        <v>9670</v>
      </c>
    </row>
    <row r="6" spans="1:11" ht="15" customHeight="1">
      <c r="A6" s="20" t="s">
        <v>7</v>
      </c>
      <c r="B6" s="20"/>
      <c r="C6" s="16">
        <v>1884</v>
      </c>
      <c r="D6" s="22">
        <v>981</v>
      </c>
      <c r="E6" s="22">
        <v>903</v>
      </c>
      <c r="F6" s="22"/>
      <c r="G6" s="21" t="s">
        <v>8</v>
      </c>
      <c r="H6" s="20"/>
      <c r="I6" s="16">
        <v>4137</v>
      </c>
      <c r="J6" s="22">
        <v>2109</v>
      </c>
      <c r="K6" s="22">
        <v>2028</v>
      </c>
    </row>
    <row r="7" spans="1:11" ht="15" customHeight="1">
      <c r="A7" s="20" t="s">
        <v>9</v>
      </c>
      <c r="B7" s="20"/>
      <c r="C7" s="16">
        <v>1949</v>
      </c>
      <c r="D7" s="22">
        <v>998</v>
      </c>
      <c r="E7" s="22">
        <v>951</v>
      </c>
      <c r="F7" s="22"/>
      <c r="G7" s="21" t="s">
        <v>10</v>
      </c>
      <c r="H7" s="20"/>
      <c r="I7" s="16">
        <v>4147</v>
      </c>
      <c r="J7" s="22">
        <v>2211</v>
      </c>
      <c r="K7" s="22">
        <v>1936</v>
      </c>
    </row>
    <row r="8" spans="1:11" ht="15" customHeight="1">
      <c r="A8" s="20" t="s">
        <v>11</v>
      </c>
      <c r="B8" s="20"/>
      <c r="C8" s="16">
        <v>1736</v>
      </c>
      <c r="D8" s="22">
        <v>852</v>
      </c>
      <c r="E8" s="22">
        <v>884</v>
      </c>
      <c r="F8" s="22"/>
      <c r="G8" s="21" t="s">
        <v>12</v>
      </c>
      <c r="H8" s="20"/>
      <c r="I8" s="16">
        <v>4071</v>
      </c>
      <c r="J8" s="22">
        <v>2142</v>
      </c>
      <c r="K8" s="22">
        <v>1929</v>
      </c>
    </row>
    <row r="9" spans="1:11" ht="15" customHeight="1">
      <c r="A9" s="20" t="s">
        <v>13</v>
      </c>
      <c r="B9" s="20"/>
      <c r="C9" s="16">
        <v>1986</v>
      </c>
      <c r="D9" s="22">
        <v>987</v>
      </c>
      <c r="E9" s="22">
        <v>999</v>
      </c>
      <c r="F9" s="22"/>
      <c r="G9" s="21" t="s">
        <v>14</v>
      </c>
      <c r="H9" s="20"/>
      <c r="I9" s="16">
        <v>3891</v>
      </c>
      <c r="J9" s="22">
        <v>1991</v>
      </c>
      <c r="K9" s="22">
        <v>1900</v>
      </c>
    </row>
    <row r="10" spans="1:11" ht="15" customHeight="1">
      <c r="A10" s="20" t="s">
        <v>15</v>
      </c>
      <c r="B10" s="20"/>
      <c r="C10" s="16">
        <v>1848</v>
      </c>
      <c r="D10" s="22">
        <v>924</v>
      </c>
      <c r="E10" s="22">
        <v>924</v>
      </c>
      <c r="F10" s="22"/>
      <c r="G10" s="21" t="s">
        <v>16</v>
      </c>
      <c r="H10" s="20"/>
      <c r="I10" s="16">
        <v>3797</v>
      </c>
      <c r="J10" s="22">
        <v>1920</v>
      </c>
      <c r="K10" s="22">
        <v>1877</v>
      </c>
    </row>
    <row r="11" spans="1:11" ht="20.100000000000001" customHeight="1">
      <c r="A11" s="20" t="s">
        <v>17</v>
      </c>
      <c r="B11" s="20"/>
      <c r="C11" s="16">
        <v>9707</v>
      </c>
      <c r="D11" s="17">
        <v>4927</v>
      </c>
      <c r="E11" s="17">
        <v>4780</v>
      </c>
      <c r="F11" s="17"/>
      <c r="G11" s="21" t="s">
        <v>18</v>
      </c>
      <c r="H11" s="20"/>
      <c r="I11" s="16">
        <v>16471</v>
      </c>
      <c r="J11" s="17">
        <v>8491</v>
      </c>
      <c r="K11" s="17">
        <v>7980</v>
      </c>
    </row>
    <row r="12" spans="1:11" ht="15" customHeight="1">
      <c r="A12" s="20" t="s">
        <v>19</v>
      </c>
      <c r="B12" s="20"/>
      <c r="C12" s="16">
        <v>1899</v>
      </c>
      <c r="D12" s="22">
        <v>935</v>
      </c>
      <c r="E12" s="22">
        <v>964</v>
      </c>
      <c r="F12" s="22"/>
      <c r="G12" s="21" t="s">
        <v>20</v>
      </c>
      <c r="H12" s="20"/>
      <c r="I12" s="16">
        <v>3871</v>
      </c>
      <c r="J12" s="22">
        <v>1973</v>
      </c>
      <c r="K12" s="22">
        <v>1898</v>
      </c>
    </row>
    <row r="13" spans="1:11" ht="15" customHeight="1">
      <c r="A13" s="20" t="s">
        <v>21</v>
      </c>
      <c r="B13" s="20"/>
      <c r="C13" s="16">
        <v>1910</v>
      </c>
      <c r="D13" s="22">
        <v>967</v>
      </c>
      <c r="E13" s="22">
        <v>943</v>
      </c>
      <c r="F13" s="22"/>
      <c r="G13" s="21" t="s">
        <v>22</v>
      </c>
      <c r="H13" s="20"/>
      <c r="I13" s="16">
        <v>2864</v>
      </c>
      <c r="J13" s="22">
        <v>1445</v>
      </c>
      <c r="K13" s="22">
        <v>1419</v>
      </c>
    </row>
    <row r="14" spans="1:11" ht="15" customHeight="1">
      <c r="A14" s="20" t="s">
        <v>23</v>
      </c>
      <c r="B14" s="20"/>
      <c r="C14" s="16">
        <v>1972</v>
      </c>
      <c r="D14" s="22">
        <v>997</v>
      </c>
      <c r="E14" s="22">
        <v>975</v>
      </c>
      <c r="F14" s="22"/>
      <c r="G14" s="21" t="s">
        <v>24</v>
      </c>
      <c r="H14" s="20"/>
      <c r="I14" s="16">
        <v>3590</v>
      </c>
      <c r="J14" s="22">
        <v>1837</v>
      </c>
      <c r="K14" s="22">
        <v>1753</v>
      </c>
    </row>
    <row r="15" spans="1:11" ht="15" customHeight="1">
      <c r="A15" s="20" t="s">
        <v>25</v>
      </c>
      <c r="B15" s="20"/>
      <c r="C15" s="16">
        <v>1949</v>
      </c>
      <c r="D15" s="22">
        <v>1016</v>
      </c>
      <c r="E15" s="22">
        <v>933</v>
      </c>
      <c r="F15" s="22"/>
      <c r="G15" s="21" t="s">
        <v>26</v>
      </c>
      <c r="H15" s="20"/>
      <c r="I15" s="16">
        <v>3184</v>
      </c>
      <c r="J15" s="22">
        <v>1626</v>
      </c>
      <c r="K15" s="22">
        <v>1558</v>
      </c>
    </row>
    <row r="16" spans="1:11" ht="15" customHeight="1">
      <c r="A16" s="20" t="s">
        <v>27</v>
      </c>
      <c r="B16" s="20"/>
      <c r="C16" s="16">
        <v>1977</v>
      </c>
      <c r="D16" s="22">
        <v>1012</v>
      </c>
      <c r="E16" s="22">
        <v>965</v>
      </c>
      <c r="F16" s="22"/>
      <c r="G16" s="21" t="s">
        <v>28</v>
      </c>
      <c r="H16" s="20"/>
      <c r="I16" s="16">
        <v>2962</v>
      </c>
      <c r="J16" s="22">
        <v>1610</v>
      </c>
      <c r="K16" s="22">
        <v>1352</v>
      </c>
    </row>
    <row r="17" spans="1:11" ht="20.100000000000001" customHeight="1">
      <c r="A17" s="24" t="s">
        <v>29</v>
      </c>
      <c r="B17" s="24"/>
      <c r="C17" s="16">
        <v>10038</v>
      </c>
      <c r="D17" s="17">
        <v>5103</v>
      </c>
      <c r="E17" s="17">
        <v>4935</v>
      </c>
      <c r="F17" s="17"/>
      <c r="G17" s="21" t="s">
        <v>30</v>
      </c>
      <c r="H17" s="20"/>
      <c r="I17" s="16">
        <v>13002</v>
      </c>
      <c r="J17" s="17">
        <v>6674</v>
      </c>
      <c r="K17" s="17">
        <v>6328</v>
      </c>
    </row>
    <row r="18" spans="1:11" ht="15" customHeight="1">
      <c r="A18" s="20" t="s">
        <v>31</v>
      </c>
      <c r="B18" s="20"/>
      <c r="C18" s="16">
        <v>1988</v>
      </c>
      <c r="D18" s="22">
        <v>1014</v>
      </c>
      <c r="E18" s="22">
        <v>974</v>
      </c>
      <c r="F18" s="22"/>
      <c r="G18" s="21" t="s">
        <v>32</v>
      </c>
      <c r="H18" s="20"/>
      <c r="I18" s="16">
        <v>2864</v>
      </c>
      <c r="J18" s="22">
        <v>1482</v>
      </c>
      <c r="K18" s="22">
        <v>1382</v>
      </c>
    </row>
    <row r="19" spans="1:11" ht="15" customHeight="1">
      <c r="A19" s="20" t="s">
        <v>33</v>
      </c>
      <c r="B19" s="20"/>
      <c r="C19" s="16">
        <v>1959</v>
      </c>
      <c r="D19" s="22">
        <v>985</v>
      </c>
      <c r="E19" s="22">
        <v>974</v>
      </c>
      <c r="F19" s="22"/>
      <c r="G19" s="21" t="s">
        <v>34</v>
      </c>
      <c r="H19" s="20"/>
      <c r="I19" s="16">
        <v>2595</v>
      </c>
      <c r="J19" s="22">
        <v>1326</v>
      </c>
      <c r="K19" s="22">
        <v>1269</v>
      </c>
    </row>
    <row r="20" spans="1:11" ht="15" customHeight="1">
      <c r="A20" s="20" t="s">
        <v>35</v>
      </c>
      <c r="B20" s="20"/>
      <c r="C20" s="16">
        <v>1989</v>
      </c>
      <c r="D20" s="22">
        <v>984</v>
      </c>
      <c r="E20" s="22">
        <v>1005</v>
      </c>
      <c r="F20" s="22"/>
      <c r="G20" s="21" t="s">
        <v>36</v>
      </c>
      <c r="H20" s="20"/>
      <c r="I20" s="16">
        <v>2600</v>
      </c>
      <c r="J20" s="22">
        <v>1315</v>
      </c>
      <c r="K20" s="22">
        <v>1285</v>
      </c>
    </row>
    <row r="21" spans="1:11" ht="15" customHeight="1">
      <c r="A21" s="20" t="s">
        <v>37</v>
      </c>
      <c r="B21" s="20"/>
      <c r="C21" s="16">
        <v>1992</v>
      </c>
      <c r="D21" s="22">
        <v>1030</v>
      </c>
      <c r="E21" s="22">
        <v>962</v>
      </c>
      <c r="F21" s="22"/>
      <c r="G21" s="21" t="s">
        <v>38</v>
      </c>
      <c r="H21" s="20"/>
      <c r="I21" s="16">
        <v>2506</v>
      </c>
      <c r="J21" s="22">
        <v>1308</v>
      </c>
      <c r="K21" s="22">
        <v>1198</v>
      </c>
    </row>
    <row r="22" spans="1:11" ht="15" customHeight="1">
      <c r="A22" s="20" t="s">
        <v>39</v>
      </c>
      <c r="B22" s="20"/>
      <c r="C22" s="16">
        <v>2110</v>
      </c>
      <c r="D22" s="22">
        <v>1090</v>
      </c>
      <c r="E22" s="22">
        <v>1020</v>
      </c>
      <c r="F22" s="22"/>
      <c r="G22" s="21" t="s">
        <v>40</v>
      </c>
      <c r="H22" s="20"/>
      <c r="I22" s="16">
        <v>2437</v>
      </c>
      <c r="J22" s="22">
        <v>1243</v>
      </c>
      <c r="K22" s="22">
        <v>1194</v>
      </c>
    </row>
    <row r="23" spans="1:11" ht="20.100000000000001" customHeight="1">
      <c r="A23" s="20" t="s">
        <v>41</v>
      </c>
      <c r="B23" s="20"/>
      <c r="C23" s="16">
        <v>9920</v>
      </c>
      <c r="D23" s="17">
        <v>5118</v>
      </c>
      <c r="E23" s="17">
        <v>4802</v>
      </c>
      <c r="F23" s="17"/>
      <c r="G23" s="21" t="s">
        <v>42</v>
      </c>
      <c r="H23" s="20"/>
      <c r="I23" s="16">
        <v>11358</v>
      </c>
      <c r="J23" s="17">
        <v>5720</v>
      </c>
      <c r="K23" s="17">
        <v>5638</v>
      </c>
    </row>
    <row r="24" spans="1:11" ht="15" customHeight="1">
      <c r="A24" s="20" t="s">
        <v>43</v>
      </c>
      <c r="B24" s="20"/>
      <c r="C24" s="16">
        <v>1957</v>
      </c>
      <c r="D24" s="22">
        <v>1010</v>
      </c>
      <c r="E24" s="22">
        <v>947</v>
      </c>
      <c r="F24" s="22"/>
      <c r="G24" s="21" t="s">
        <v>44</v>
      </c>
      <c r="H24" s="20"/>
      <c r="I24" s="16">
        <v>2252</v>
      </c>
      <c r="J24" s="22">
        <v>1141</v>
      </c>
      <c r="K24" s="22">
        <v>1111</v>
      </c>
    </row>
    <row r="25" spans="1:11" ht="15" customHeight="1">
      <c r="A25" s="20" t="s">
        <v>45</v>
      </c>
      <c r="B25" s="20"/>
      <c r="C25" s="16">
        <v>1969</v>
      </c>
      <c r="D25" s="22">
        <v>986</v>
      </c>
      <c r="E25" s="22">
        <v>983</v>
      </c>
      <c r="F25" s="22"/>
      <c r="G25" s="21" t="s">
        <v>46</v>
      </c>
      <c r="H25" s="20"/>
      <c r="I25" s="16">
        <v>2252</v>
      </c>
      <c r="J25" s="22">
        <v>1177</v>
      </c>
      <c r="K25" s="22">
        <v>1075</v>
      </c>
    </row>
    <row r="26" spans="1:11" ht="15" customHeight="1">
      <c r="A26" s="20" t="s">
        <v>47</v>
      </c>
      <c r="B26" s="20"/>
      <c r="C26" s="16">
        <v>1881</v>
      </c>
      <c r="D26" s="22">
        <v>980</v>
      </c>
      <c r="E26" s="22">
        <v>901</v>
      </c>
      <c r="F26" s="22"/>
      <c r="G26" s="21" t="s">
        <v>48</v>
      </c>
      <c r="H26" s="20"/>
      <c r="I26" s="16">
        <v>2290</v>
      </c>
      <c r="J26" s="22">
        <v>1134</v>
      </c>
      <c r="K26" s="22">
        <v>1156</v>
      </c>
    </row>
    <row r="27" spans="1:11" ht="15" customHeight="1">
      <c r="A27" s="20" t="s">
        <v>49</v>
      </c>
      <c r="B27" s="20"/>
      <c r="C27" s="16">
        <v>2034</v>
      </c>
      <c r="D27" s="22">
        <v>1074</v>
      </c>
      <c r="E27" s="22">
        <v>960</v>
      </c>
      <c r="F27" s="22"/>
      <c r="G27" s="21" t="s">
        <v>50</v>
      </c>
      <c r="H27" s="20"/>
      <c r="I27" s="16">
        <v>2291</v>
      </c>
      <c r="J27" s="22">
        <v>1159</v>
      </c>
      <c r="K27" s="22">
        <v>1132</v>
      </c>
    </row>
    <row r="28" spans="1:11" ht="15" customHeight="1">
      <c r="A28" s="20" t="s">
        <v>51</v>
      </c>
      <c r="B28" s="20"/>
      <c r="C28" s="16">
        <v>2079</v>
      </c>
      <c r="D28" s="22">
        <v>1068</v>
      </c>
      <c r="E28" s="22">
        <v>1011</v>
      </c>
      <c r="F28" s="22"/>
      <c r="G28" s="21" t="s">
        <v>52</v>
      </c>
      <c r="H28" s="20"/>
      <c r="I28" s="16">
        <v>2273</v>
      </c>
      <c r="J28" s="22">
        <v>1109</v>
      </c>
      <c r="K28" s="22">
        <v>1164</v>
      </c>
    </row>
    <row r="29" spans="1:11" ht="20.100000000000001" customHeight="1">
      <c r="A29" s="20" t="s">
        <v>53</v>
      </c>
      <c r="B29" s="20"/>
      <c r="C29" s="16">
        <v>12399</v>
      </c>
      <c r="D29" s="17">
        <v>6159</v>
      </c>
      <c r="E29" s="17">
        <v>6240</v>
      </c>
      <c r="F29" s="17"/>
      <c r="G29" s="21" t="s">
        <v>54</v>
      </c>
      <c r="H29" s="20"/>
      <c r="I29" s="16">
        <v>14249</v>
      </c>
      <c r="J29" s="17">
        <v>6632</v>
      </c>
      <c r="K29" s="17">
        <v>7617</v>
      </c>
    </row>
    <row r="30" spans="1:11" ht="15" customHeight="1">
      <c r="A30" s="20" t="s">
        <v>55</v>
      </c>
      <c r="B30" s="20"/>
      <c r="C30" s="16">
        <v>2249</v>
      </c>
      <c r="D30" s="22">
        <v>1098</v>
      </c>
      <c r="E30" s="22">
        <v>1151</v>
      </c>
      <c r="F30" s="22"/>
      <c r="G30" s="21" t="s">
        <v>56</v>
      </c>
      <c r="H30" s="20"/>
      <c r="I30" s="16">
        <v>2460</v>
      </c>
      <c r="J30" s="22">
        <v>1191</v>
      </c>
      <c r="K30" s="22">
        <v>1269</v>
      </c>
    </row>
    <row r="31" spans="1:11" ht="15" customHeight="1">
      <c r="A31" s="20" t="s">
        <v>57</v>
      </c>
      <c r="B31" s="20"/>
      <c r="C31" s="16">
        <v>2210</v>
      </c>
      <c r="D31" s="22">
        <v>1075</v>
      </c>
      <c r="E31" s="22">
        <v>1135</v>
      </c>
      <c r="F31" s="22"/>
      <c r="G31" s="21" t="s">
        <v>58</v>
      </c>
      <c r="H31" s="20"/>
      <c r="I31" s="16">
        <v>2587</v>
      </c>
      <c r="J31" s="22">
        <v>1250</v>
      </c>
      <c r="K31" s="22">
        <v>1337</v>
      </c>
    </row>
    <row r="32" spans="1:11" ht="15" customHeight="1">
      <c r="A32" s="20" t="s">
        <v>59</v>
      </c>
      <c r="B32" s="20"/>
      <c r="C32" s="16">
        <v>2546</v>
      </c>
      <c r="D32" s="22">
        <v>1325</v>
      </c>
      <c r="E32" s="22">
        <v>1221</v>
      </c>
      <c r="F32" s="22"/>
      <c r="G32" s="21" t="s">
        <v>60</v>
      </c>
      <c r="H32" s="20"/>
      <c r="I32" s="16">
        <v>2853</v>
      </c>
      <c r="J32" s="22">
        <v>1313</v>
      </c>
      <c r="K32" s="22">
        <v>1540</v>
      </c>
    </row>
    <row r="33" spans="1:11" ht="15" customHeight="1">
      <c r="A33" s="20" t="s">
        <v>61</v>
      </c>
      <c r="B33" s="20"/>
      <c r="C33" s="16">
        <v>2594</v>
      </c>
      <c r="D33" s="22">
        <v>1235</v>
      </c>
      <c r="E33" s="22">
        <v>1359</v>
      </c>
      <c r="F33" s="22"/>
      <c r="G33" s="21" t="s">
        <v>62</v>
      </c>
      <c r="H33" s="20"/>
      <c r="I33" s="16">
        <v>3206</v>
      </c>
      <c r="J33" s="22">
        <v>1432</v>
      </c>
      <c r="K33" s="22">
        <v>1774</v>
      </c>
    </row>
    <row r="34" spans="1:11" ht="15" customHeight="1">
      <c r="A34" s="20" t="s">
        <v>63</v>
      </c>
      <c r="B34" s="20"/>
      <c r="C34" s="16">
        <v>2800</v>
      </c>
      <c r="D34" s="22">
        <v>1426</v>
      </c>
      <c r="E34" s="22">
        <v>1374</v>
      </c>
      <c r="F34" s="22"/>
      <c r="G34" s="21" t="s">
        <v>64</v>
      </c>
      <c r="H34" s="20"/>
      <c r="I34" s="16">
        <v>3143</v>
      </c>
      <c r="J34" s="22">
        <v>1446</v>
      </c>
      <c r="K34" s="22">
        <v>1697</v>
      </c>
    </row>
    <row r="35" spans="1:11" ht="20.100000000000001" customHeight="1">
      <c r="A35" s="20" t="s">
        <v>65</v>
      </c>
      <c r="B35" s="20"/>
      <c r="C35" s="16">
        <v>14236</v>
      </c>
      <c r="D35" s="17">
        <v>7138</v>
      </c>
      <c r="E35" s="17">
        <v>7098</v>
      </c>
      <c r="F35" s="17"/>
      <c r="G35" s="21" t="s">
        <v>66</v>
      </c>
      <c r="H35" s="20"/>
      <c r="I35" s="16">
        <v>12371</v>
      </c>
      <c r="J35" s="17">
        <v>5423</v>
      </c>
      <c r="K35" s="17">
        <v>6948</v>
      </c>
    </row>
    <row r="36" spans="1:11" ht="15" customHeight="1">
      <c r="A36" s="20" t="s">
        <v>67</v>
      </c>
      <c r="B36" s="20"/>
      <c r="C36" s="16">
        <v>2784</v>
      </c>
      <c r="D36" s="22">
        <v>1407</v>
      </c>
      <c r="E36" s="22">
        <v>1377</v>
      </c>
      <c r="F36" s="22"/>
      <c r="G36" s="21" t="s">
        <v>68</v>
      </c>
      <c r="H36" s="20"/>
      <c r="I36" s="16">
        <v>3197</v>
      </c>
      <c r="J36" s="22">
        <v>1414</v>
      </c>
      <c r="K36" s="22">
        <v>1783</v>
      </c>
    </row>
    <row r="37" spans="1:11" ht="15" customHeight="1">
      <c r="A37" s="20" t="s">
        <v>69</v>
      </c>
      <c r="B37" s="20"/>
      <c r="C37" s="16">
        <v>2856</v>
      </c>
      <c r="D37" s="22">
        <v>1475</v>
      </c>
      <c r="E37" s="22">
        <v>1381</v>
      </c>
      <c r="F37" s="22"/>
      <c r="G37" s="21" t="s">
        <v>70</v>
      </c>
      <c r="H37" s="20"/>
      <c r="I37" s="16">
        <v>2178</v>
      </c>
      <c r="J37" s="22">
        <v>976</v>
      </c>
      <c r="K37" s="22">
        <v>1202</v>
      </c>
    </row>
    <row r="38" spans="1:11" ht="15" customHeight="1">
      <c r="A38" s="20" t="s">
        <v>71</v>
      </c>
      <c r="B38" s="20"/>
      <c r="C38" s="16">
        <v>2913</v>
      </c>
      <c r="D38" s="22">
        <v>1429</v>
      </c>
      <c r="E38" s="22">
        <v>1484</v>
      </c>
      <c r="F38" s="22"/>
      <c r="G38" s="21" t="s">
        <v>72</v>
      </c>
      <c r="H38" s="20"/>
      <c r="I38" s="16">
        <v>1918</v>
      </c>
      <c r="J38" s="22">
        <v>818</v>
      </c>
      <c r="K38" s="22">
        <v>1100</v>
      </c>
    </row>
    <row r="39" spans="1:11" ht="15" customHeight="1">
      <c r="A39" s="20" t="s">
        <v>73</v>
      </c>
      <c r="B39" s="20"/>
      <c r="C39" s="16">
        <v>2893</v>
      </c>
      <c r="D39" s="22">
        <v>1457</v>
      </c>
      <c r="E39" s="22">
        <v>1436</v>
      </c>
      <c r="F39" s="22"/>
      <c r="G39" s="21" t="s">
        <v>74</v>
      </c>
      <c r="H39" s="20"/>
      <c r="I39" s="16">
        <v>2421</v>
      </c>
      <c r="J39" s="22">
        <v>1033</v>
      </c>
      <c r="K39" s="22">
        <v>1388</v>
      </c>
    </row>
    <row r="40" spans="1:11" ht="15" customHeight="1">
      <c r="A40" s="20" t="s">
        <v>75</v>
      </c>
      <c r="B40" s="20"/>
      <c r="C40" s="16">
        <v>2790</v>
      </c>
      <c r="D40" s="22">
        <v>1370</v>
      </c>
      <c r="E40" s="22">
        <v>1420</v>
      </c>
      <c r="F40" s="22"/>
      <c r="G40" s="21" t="s">
        <v>76</v>
      </c>
      <c r="H40" s="20"/>
      <c r="I40" s="16">
        <v>2657</v>
      </c>
      <c r="J40" s="22">
        <v>1182</v>
      </c>
      <c r="K40" s="22">
        <v>1475</v>
      </c>
    </row>
    <row r="41" spans="1:11" ht="20.100000000000001" customHeight="1">
      <c r="A41" s="20" t="s">
        <v>77</v>
      </c>
      <c r="B41" s="20"/>
      <c r="C41" s="16">
        <v>14000</v>
      </c>
      <c r="D41" s="17">
        <v>7260</v>
      </c>
      <c r="E41" s="17">
        <v>6740</v>
      </c>
      <c r="F41" s="17"/>
      <c r="G41" s="21" t="s">
        <v>78</v>
      </c>
      <c r="H41" s="20"/>
      <c r="I41" s="16">
        <v>10077</v>
      </c>
      <c r="J41" s="17">
        <v>4375</v>
      </c>
      <c r="K41" s="17">
        <v>5702</v>
      </c>
    </row>
    <row r="42" spans="1:11" ht="15" customHeight="1">
      <c r="A42" s="20" t="s">
        <v>79</v>
      </c>
      <c r="B42" s="20"/>
      <c r="C42" s="16">
        <v>2745</v>
      </c>
      <c r="D42" s="22">
        <v>1434</v>
      </c>
      <c r="E42" s="22">
        <v>1311</v>
      </c>
      <c r="F42" s="22"/>
      <c r="G42" s="21" t="s">
        <v>80</v>
      </c>
      <c r="H42" s="20"/>
      <c r="I42" s="16">
        <v>2408</v>
      </c>
      <c r="J42" s="22">
        <v>1026</v>
      </c>
      <c r="K42" s="22">
        <v>1382</v>
      </c>
    </row>
    <row r="43" spans="1:11" ht="15" customHeight="1">
      <c r="A43" s="20" t="s">
        <v>81</v>
      </c>
      <c r="B43" s="20"/>
      <c r="C43" s="16">
        <v>2794</v>
      </c>
      <c r="D43" s="22">
        <v>1465</v>
      </c>
      <c r="E43" s="22">
        <v>1329</v>
      </c>
      <c r="F43" s="22"/>
      <c r="G43" s="21" t="s">
        <v>82</v>
      </c>
      <c r="H43" s="20"/>
      <c r="I43" s="16">
        <v>2374</v>
      </c>
      <c r="J43" s="22">
        <v>1012</v>
      </c>
      <c r="K43" s="22">
        <v>1362</v>
      </c>
    </row>
    <row r="44" spans="1:11" ht="15" customHeight="1">
      <c r="A44" s="20" t="s">
        <v>83</v>
      </c>
      <c r="B44" s="20"/>
      <c r="C44" s="16">
        <v>2731</v>
      </c>
      <c r="D44" s="22">
        <v>1422</v>
      </c>
      <c r="E44" s="22">
        <v>1309</v>
      </c>
      <c r="F44" s="22"/>
      <c r="G44" s="21" t="s">
        <v>84</v>
      </c>
      <c r="H44" s="20"/>
      <c r="I44" s="16">
        <v>2127</v>
      </c>
      <c r="J44" s="22">
        <v>946</v>
      </c>
      <c r="K44" s="22">
        <v>1181</v>
      </c>
    </row>
    <row r="45" spans="1:11" ht="15" customHeight="1">
      <c r="A45" s="20" t="s">
        <v>85</v>
      </c>
      <c r="B45" s="20"/>
      <c r="C45" s="16">
        <v>2784</v>
      </c>
      <c r="D45" s="22">
        <v>1419</v>
      </c>
      <c r="E45" s="22">
        <v>1365</v>
      </c>
      <c r="F45" s="22"/>
      <c r="G45" s="21" t="s">
        <v>86</v>
      </c>
      <c r="H45" s="20"/>
      <c r="I45" s="16">
        <v>1644</v>
      </c>
      <c r="J45" s="22">
        <v>717</v>
      </c>
      <c r="K45" s="22">
        <v>927</v>
      </c>
    </row>
    <row r="46" spans="1:11" ht="15" customHeight="1">
      <c r="A46" s="20" t="s">
        <v>87</v>
      </c>
      <c r="B46" s="20"/>
      <c r="C46" s="16">
        <v>2946</v>
      </c>
      <c r="D46" s="22">
        <v>1520</v>
      </c>
      <c r="E46" s="22">
        <v>1426</v>
      </c>
      <c r="F46" s="22"/>
      <c r="G46" s="21" t="s">
        <v>88</v>
      </c>
      <c r="H46" s="20"/>
      <c r="I46" s="16">
        <v>1524</v>
      </c>
      <c r="J46" s="22">
        <v>674</v>
      </c>
      <c r="K46" s="22">
        <v>850</v>
      </c>
    </row>
    <row r="47" spans="1:11" ht="20.100000000000001" customHeight="1">
      <c r="A47" s="20" t="s">
        <v>89</v>
      </c>
      <c r="B47" s="20"/>
      <c r="C47" s="16">
        <v>14809</v>
      </c>
      <c r="D47" s="17">
        <v>7631</v>
      </c>
      <c r="E47" s="17">
        <v>7178</v>
      </c>
      <c r="F47" s="17"/>
      <c r="G47" s="21" t="s">
        <v>90</v>
      </c>
      <c r="H47" s="20"/>
      <c r="I47" s="16">
        <v>5865</v>
      </c>
      <c r="J47" s="17">
        <v>2276</v>
      </c>
      <c r="K47" s="17">
        <v>3589</v>
      </c>
    </row>
    <row r="48" spans="1:11" ht="15" customHeight="1">
      <c r="A48" s="20" t="s">
        <v>91</v>
      </c>
      <c r="B48" s="20"/>
      <c r="C48" s="16">
        <v>2867</v>
      </c>
      <c r="D48" s="22">
        <v>1514</v>
      </c>
      <c r="E48" s="22">
        <v>1353</v>
      </c>
      <c r="F48" s="22"/>
      <c r="G48" s="21" t="s">
        <v>92</v>
      </c>
      <c r="H48" s="20"/>
      <c r="I48" s="16">
        <v>1520</v>
      </c>
      <c r="J48" s="22">
        <v>642</v>
      </c>
      <c r="K48" s="22">
        <v>878</v>
      </c>
    </row>
    <row r="49" spans="1:11" ht="15" customHeight="1">
      <c r="A49" s="20" t="s">
        <v>93</v>
      </c>
      <c r="B49" s="20"/>
      <c r="C49" s="16">
        <v>2894</v>
      </c>
      <c r="D49" s="22">
        <v>1441</v>
      </c>
      <c r="E49" s="22">
        <v>1453</v>
      </c>
      <c r="F49" s="22"/>
      <c r="G49" s="21" t="s">
        <v>94</v>
      </c>
      <c r="H49" s="20"/>
      <c r="I49" s="16">
        <v>1307</v>
      </c>
      <c r="J49" s="22">
        <v>542</v>
      </c>
      <c r="K49" s="22">
        <v>765</v>
      </c>
    </row>
    <row r="50" spans="1:11" ht="15" customHeight="1">
      <c r="A50" s="20" t="s">
        <v>95</v>
      </c>
      <c r="B50" s="20"/>
      <c r="C50" s="16">
        <v>2949</v>
      </c>
      <c r="D50" s="22">
        <v>1561</v>
      </c>
      <c r="E50" s="22">
        <v>1388</v>
      </c>
      <c r="F50" s="22"/>
      <c r="G50" s="21" t="s">
        <v>96</v>
      </c>
      <c r="H50" s="20"/>
      <c r="I50" s="16">
        <v>1221</v>
      </c>
      <c r="J50" s="22">
        <v>484</v>
      </c>
      <c r="K50" s="22">
        <v>737</v>
      </c>
    </row>
    <row r="51" spans="1:11" ht="15" customHeight="1">
      <c r="A51" s="20" t="s">
        <v>97</v>
      </c>
      <c r="B51" s="20"/>
      <c r="C51" s="16">
        <v>3039</v>
      </c>
      <c r="D51" s="22">
        <v>1547</v>
      </c>
      <c r="E51" s="22">
        <v>1492</v>
      </c>
      <c r="F51" s="22"/>
      <c r="G51" s="21" t="s">
        <v>98</v>
      </c>
      <c r="H51" s="20"/>
      <c r="I51" s="16">
        <v>977</v>
      </c>
      <c r="J51" s="22">
        <v>323</v>
      </c>
      <c r="K51" s="22">
        <v>654</v>
      </c>
    </row>
    <row r="52" spans="1:11" ht="15" customHeight="1">
      <c r="A52" s="20" t="s">
        <v>99</v>
      </c>
      <c r="B52" s="20"/>
      <c r="C52" s="16">
        <v>3060</v>
      </c>
      <c r="D52" s="22">
        <v>1568</v>
      </c>
      <c r="E52" s="22">
        <v>1492</v>
      </c>
      <c r="F52" s="22"/>
      <c r="G52" s="21" t="s">
        <v>100</v>
      </c>
      <c r="H52" s="20"/>
      <c r="I52" s="16">
        <v>840</v>
      </c>
      <c r="J52" s="22">
        <v>285</v>
      </c>
      <c r="K52" s="22">
        <v>555</v>
      </c>
    </row>
    <row r="53" spans="1:11" ht="20.100000000000001" customHeight="1">
      <c r="A53" s="20" t="s">
        <v>101</v>
      </c>
      <c r="B53" s="20"/>
      <c r="C53" s="16">
        <v>15891</v>
      </c>
      <c r="D53" s="17">
        <v>8242</v>
      </c>
      <c r="E53" s="17">
        <v>7649</v>
      </c>
      <c r="F53" s="17"/>
      <c r="G53" s="21" t="s">
        <v>102</v>
      </c>
      <c r="H53" s="20"/>
      <c r="I53" s="16">
        <v>2492</v>
      </c>
      <c r="J53" s="17">
        <v>748</v>
      </c>
      <c r="K53" s="17">
        <v>1744</v>
      </c>
    </row>
    <row r="54" spans="1:11" ht="15" customHeight="1">
      <c r="A54" s="20" t="s">
        <v>103</v>
      </c>
      <c r="B54" s="20"/>
      <c r="C54" s="16">
        <v>3016</v>
      </c>
      <c r="D54" s="22">
        <v>1581</v>
      </c>
      <c r="E54" s="22">
        <v>1435</v>
      </c>
      <c r="F54" s="22"/>
      <c r="G54" s="21" t="s">
        <v>104</v>
      </c>
      <c r="H54" s="20"/>
      <c r="I54" s="16">
        <v>705</v>
      </c>
      <c r="J54" s="22">
        <v>221</v>
      </c>
      <c r="K54" s="22">
        <v>484</v>
      </c>
    </row>
    <row r="55" spans="1:11" ht="15" customHeight="1">
      <c r="A55" s="20" t="s">
        <v>105</v>
      </c>
      <c r="B55" s="20"/>
      <c r="C55" s="16">
        <v>3075</v>
      </c>
      <c r="D55" s="22">
        <v>1590</v>
      </c>
      <c r="E55" s="22">
        <v>1485</v>
      </c>
      <c r="F55" s="22"/>
      <c r="G55" s="21" t="s">
        <v>106</v>
      </c>
      <c r="H55" s="20"/>
      <c r="I55" s="16">
        <v>582</v>
      </c>
      <c r="J55" s="22">
        <v>181</v>
      </c>
      <c r="K55" s="22">
        <v>401</v>
      </c>
    </row>
    <row r="56" spans="1:11" ht="15" customHeight="1">
      <c r="A56" s="20" t="s">
        <v>107</v>
      </c>
      <c r="B56" s="20"/>
      <c r="C56" s="16">
        <v>3142</v>
      </c>
      <c r="D56" s="22">
        <v>1604</v>
      </c>
      <c r="E56" s="22">
        <v>1538</v>
      </c>
      <c r="F56" s="22"/>
      <c r="G56" s="21" t="s">
        <v>108</v>
      </c>
      <c r="H56" s="20"/>
      <c r="I56" s="16">
        <v>462</v>
      </c>
      <c r="J56" s="22">
        <v>150</v>
      </c>
      <c r="K56" s="22">
        <v>312</v>
      </c>
    </row>
    <row r="57" spans="1:11" ht="15" customHeight="1">
      <c r="A57" s="20" t="s">
        <v>109</v>
      </c>
      <c r="B57" s="20"/>
      <c r="C57" s="16">
        <v>3270</v>
      </c>
      <c r="D57" s="22">
        <v>1701</v>
      </c>
      <c r="E57" s="22">
        <v>1569</v>
      </c>
      <c r="F57" s="22"/>
      <c r="G57" s="21" t="s">
        <v>110</v>
      </c>
      <c r="H57" s="20"/>
      <c r="I57" s="16">
        <v>387</v>
      </c>
      <c r="J57" s="22">
        <v>116</v>
      </c>
      <c r="K57" s="22">
        <v>271</v>
      </c>
    </row>
    <row r="58" spans="1:11" ht="15" customHeight="1">
      <c r="A58" s="20" t="s">
        <v>111</v>
      </c>
      <c r="B58" s="20"/>
      <c r="C58" s="16">
        <v>3388</v>
      </c>
      <c r="D58" s="22">
        <v>1766</v>
      </c>
      <c r="E58" s="22">
        <v>1622</v>
      </c>
      <c r="F58" s="22"/>
      <c r="G58" s="21" t="s">
        <v>112</v>
      </c>
      <c r="H58" s="20"/>
      <c r="I58" s="16">
        <v>356</v>
      </c>
      <c r="J58" s="22">
        <v>80</v>
      </c>
      <c r="K58" s="22">
        <v>276</v>
      </c>
    </row>
    <row r="59" spans="1:11" ht="20.100000000000001" customHeight="1">
      <c r="A59" s="20" t="s">
        <v>113</v>
      </c>
      <c r="B59" s="20"/>
      <c r="C59" s="16">
        <v>19124</v>
      </c>
      <c r="D59" s="17">
        <v>9901</v>
      </c>
      <c r="E59" s="17">
        <v>9223</v>
      </c>
      <c r="F59" s="17"/>
      <c r="G59" s="21" t="s">
        <v>114</v>
      </c>
      <c r="H59" s="20"/>
      <c r="I59" s="16">
        <v>656</v>
      </c>
      <c r="J59" s="17">
        <v>165</v>
      </c>
      <c r="K59" s="17">
        <v>491</v>
      </c>
    </row>
    <row r="60" spans="1:11" ht="15" customHeight="1">
      <c r="A60" s="20" t="s">
        <v>115</v>
      </c>
      <c r="B60" s="20"/>
      <c r="C60" s="16">
        <v>3487</v>
      </c>
      <c r="D60" s="22">
        <v>1789</v>
      </c>
      <c r="E60" s="22">
        <v>1698</v>
      </c>
      <c r="F60" s="22"/>
      <c r="G60" s="21" t="s">
        <v>116</v>
      </c>
      <c r="H60" s="20"/>
      <c r="I60" s="16">
        <v>211</v>
      </c>
      <c r="J60" s="22">
        <v>59</v>
      </c>
      <c r="K60" s="22">
        <v>152</v>
      </c>
    </row>
    <row r="61" spans="1:11" ht="15" customHeight="1">
      <c r="A61" s="20" t="s">
        <v>117</v>
      </c>
      <c r="B61" s="20"/>
      <c r="C61" s="16">
        <v>3605</v>
      </c>
      <c r="D61" s="22">
        <v>1889</v>
      </c>
      <c r="E61" s="22">
        <v>1716</v>
      </c>
      <c r="F61" s="22"/>
      <c r="G61" s="21" t="s">
        <v>118</v>
      </c>
      <c r="H61" s="20"/>
      <c r="I61" s="16">
        <v>180</v>
      </c>
      <c r="J61" s="22">
        <v>49</v>
      </c>
      <c r="K61" s="22">
        <v>131</v>
      </c>
    </row>
    <row r="62" spans="1:11" ht="15" customHeight="1">
      <c r="A62" s="20" t="s">
        <v>119</v>
      </c>
      <c r="B62" s="20"/>
      <c r="C62" s="16">
        <v>3775</v>
      </c>
      <c r="D62" s="22">
        <v>1993</v>
      </c>
      <c r="E62" s="22">
        <v>1782</v>
      </c>
      <c r="F62" s="22"/>
      <c r="G62" s="21" t="s">
        <v>120</v>
      </c>
      <c r="H62" s="20"/>
      <c r="I62" s="16">
        <v>102</v>
      </c>
      <c r="J62" s="22">
        <v>23</v>
      </c>
      <c r="K62" s="22">
        <v>79</v>
      </c>
    </row>
    <row r="63" spans="1:11" ht="15" customHeight="1">
      <c r="A63" s="20" t="s">
        <v>121</v>
      </c>
      <c r="B63" s="20"/>
      <c r="C63" s="16">
        <v>4087</v>
      </c>
      <c r="D63" s="22">
        <v>2107</v>
      </c>
      <c r="E63" s="22">
        <v>1980</v>
      </c>
      <c r="F63" s="22"/>
      <c r="G63" s="21" t="s">
        <v>122</v>
      </c>
      <c r="H63" s="20"/>
      <c r="I63" s="16">
        <v>102</v>
      </c>
      <c r="J63" s="22">
        <v>23</v>
      </c>
      <c r="K63" s="22">
        <v>79</v>
      </c>
    </row>
    <row r="64" spans="1:11" ht="15" customHeight="1">
      <c r="A64" s="20" t="s">
        <v>123</v>
      </c>
      <c r="B64" s="20"/>
      <c r="C64" s="16">
        <v>4170</v>
      </c>
      <c r="D64" s="22">
        <v>2123</v>
      </c>
      <c r="E64" s="22">
        <v>2047</v>
      </c>
      <c r="F64" s="22"/>
      <c r="G64" s="21" t="s">
        <v>124</v>
      </c>
      <c r="H64" s="20"/>
      <c r="I64" s="16">
        <v>61</v>
      </c>
      <c r="J64" s="22">
        <v>11</v>
      </c>
      <c r="K64" s="22">
        <v>50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22</v>
      </c>
      <c r="J65" s="22">
        <v>11</v>
      </c>
      <c r="K65" s="22">
        <v>111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6834</v>
      </c>
      <c r="J66" s="32">
        <v>4011</v>
      </c>
      <c r="K66" s="32">
        <v>2823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6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36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39538</v>
      </c>
      <c r="D4" s="17">
        <v>70047</v>
      </c>
      <c r="E4" s="17">
        <v>69491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5711</v>
      </c>
      <c r="D5" s="17">
        <v>2956</v>
      </c>
      <c r="E5" s="17">
        <v>2755</v>
      </c>
      <c r="F5" s="17"/>
      <c r="G5" s="21" t="s">
        <v>6</v>
      </c>
      <c r="H5" s="20"/>
      <c r="I5" s="16">
        <v>11320</v>
      </c>
      <c r="J5" s="17">
        <v>5866</v>
      </c>
      <c r="K5" s="17">
        <v>5454</v>
      </c>
    </row>
    <row r="6" spans="1:11" ht="15" customHeight="1">
      <c r="A6" s="20" t="s">
        <v>7</v>
      </c>
      <c r="B6" s="20"/>
      <c r="C6" s="16">
        <v>1125</v>
      </c>
      <c r="D6" s="22">
        <v>588</v>
      </c>
      <c r="E6" s="22">
        <v>537</v>
      </c>
      <c r="F6" s="22"/>
      <c r="G6" s="21" t="s">
        <v>8</v>
      </c>
      <c r="H6" s="20"/>
      <c r="I6" s="16">
        <v>2331</v>
      </c>
      <c r="J6" s="22">
        <v>1206</v>
      </c>
      <c r="K6" s="22">
        <v>1125</v>
      </c>
    </row>
    <row r="7" spans="1:11" ht="15" customHeight="1">
      <c r="A7" s="20" t="s">
        <v>9</v>
      </c>
      <c r="B7" s="20"/>
      <c r="C7" s="16">
        <v>1073</v>
      </c>
      <c r="D7" s="22">
        <v>524</v>
      </c>
      <c r="E7" s="22">
        <v>549</v>
      </c>
      <c r="F7" s="22"/>
      <c r="G7" s="21" t="s">
        <v>10</v>
      </c>
      <c r="H7" s="20"/>
      <c r="I7" s="16">
        <v>2441</v>
      </c>
      <c r="J7" s="22">
        <v>1239</v>
      </c>
      <c r="K7" s="22">
        <v>1202</v>
      </c>
    </row>
    <row r="8" spans="1:11" ht="15" customHeight="1">
      <c r="A8" s="20" t="s">
        <v>11</v>
      </c>
      <c r="B8" s="20"/>
      <c r="C8" s="16">
        <v>1150</v>
      </c>
      <c r="D8" s="22">
        <v>598</v>
      </c>
      <c r="E8" s="22">
        <v>552</v>
      </c>
      <c r="F8" s="22"/>
      <c r="G8" s="21" t="s">
        <v>12</v>
      </c>
      <c r="H8" s="20"/>
      <c r="I8" s="16">
        <v>2188</v>
      </c>
      <c r="J8" s="22">
        <v>1127</v>
      </c>
      <c r="K8" s="22">
        <v>1061</v>
      </c>
    </row>
    <row r="9" spans="1:11" ht="15" customHeight="1">
      <c r="A9" s="20" t="s">
        <v>13</v>
      </c>
      <c r="B9" s="20"/>
      <c r="C9" s="16">
        <v>1168</v>
      </c>
      <c r="D9" s="22">
        <v>595</v>
      </c>
      <c r="E9" s="22">
        <v>573</v>
      </c>
      <c r="F9" s="22"/>
      <c r="G9" s="21" t="s">
        <v>14</v>
      </c>
      <c r="H9" s="20"/>
      <c r="I9" s="16">
        <v>2214</v>
      </c>
      <c r="J9" s="22">
        <v>1178</v>
      </c>
      <c r="K9" s="22">
        <v>1036</v>
      </c>
    </row>
    <row r="10" spans="1:11" ht="15" customHeight="1">
      <c r="A10" s="20" t="s">
        <v>15</v>
      </c>
      <c r="B10" s="20"/>
      <c r="C10" s="16">
        <v>1195</v>
      </c>
      <c r="D10" s="22">
        <v>651</v>
      </c>
      <c r="E10" s="22">
        <v>544</v>
      </c>
      <c r="F10" s="22"/>
      <c r="G10" s="21" t="s">
        <v>16</v>
      </c>
      <c r="H10" s="20"/>
      <c r="I10" s="16">
        <v>2146</v>
      </c>
      <c r="J10" s="22">
        <v>1116</v>
      </c>
      <c r="K10" s="22">
        <v>1030</v>
      </c>
    </row>
    <row r="11" spans="1:11" ht="20.100000000000001" customHeight="1">
      <c r="A11" s="20" t="s">
        <v>17</v>
      </c>
      <c r="B11" s="20"/>
      <c r="C11" s="16">
        <v>5852</v>
      </c>
      <c r="D11" s="17">
        <v>2968</v>
      </c>
      <c r="E11" s="17">
        <v>2884</v>
      </c>
      <c r="F11" s="17"/>
      <c r="G11" s="21" t="s">
        <v>18</v>
      </c>
      <c r="H11" s="20"/>
      <c r="I11" s="16">
        <v>8879</v>
      </c>
      <c r="J11" s="17">
        <v>4600</v>
      </c>
      <c r="K11" s="17">
        <v>4279</v>
      </c>
    </row>
    <row r="12" spans="1:11" ht="15" customHeight="1">
      <c r="A12" s="20" t="s">
        <v>19</v>
      </c>
      <c r="B12" s="20"/>
      <c r="C12" s="16">
        <v>1140</v>
      </c>
      <c r="D12" s="22">
        <v>566</v>
      </c>
      <c r="E12" s="22">
        <v>574</v>
      </c>
      <c r="F12" s="22"/>
      <c r="G12" s="21" t="s">
        <v>20</v>
      </c>
      <c r="H12" s="20"/>
      <c r="I12" s="16">
        <v>2069</v>
      </c>
      <c r="J12" s="22">
        <v>1038</v>
      </c>
      <c r="K12" s="22">
        <v>1031</v>
      </c>
    </row>
    <row r="13" spans="1:11" ht="15" customHeight="1">
      <c r="A13" s="20" t="s">
        <v>21</v>
      </c>
      <c r="B13" s="20"/>
      <c r="C13" s="16">
        <v>1178</v>
      </c>
      <c r="D13" s="22">
        <v>612</v>
      </c>
      <c r="E13" s="22">
        <v>566</v>
      </c>
      <c r="F13" s="22"/>
      <c r="G13" s="21" t="s">
        <v>22</v>
      </c>
      <c r="H13" s="20"/>
      <c r="I13" s="16">
        <v>1544</v>
      </c>
      <c r="J13" s="22">
        <v>826</v>
      </c>
      <c r="K13" s="22">
        <v>718</v>
      </c>
    </row>
    <row r="14" spans="1:11" ht="15" customHeight="1">
      <c r="A14" s="20" t="s">
        <v>23</v>
      </c>
      <c r="B14" s="20"/>
      <c r="C14" s="16">
        <v>1153</v>
      </c>
      <c r="D14" s="22">
        <v>592</v>
      </c>
      <c r="E14" s="22">
        <v>561</v>
      </c>
      <c r="F14" s="22"/>
      <c r="G14" s="21" t="s">
        <v>24</v>
      </c>
      <c r="H14" s="20"/>
      <c r="I14" s="16">
        <v>1927</v>
      </c>
      <c r="J14" s="22">
        <v>1011</v>
      </c>
      <c r="K14" s="22">
        <v>916</v>
      </c>
    </row>
    <row r="15" spans="1:11" ht="15" customHeight="1">
      <c r="A15" s="20" t="s">
        <v>25</v>
      </c>
      <c r="B15" s="20"/>
      <c r="C15" s="16">
        <v>1189</v>
      </c>
      <c r="D15" s="22">
        <v>590</v>
      </c>
      <c r="E15" s="22">
        <v>599</v>
      </c>
      <c r="F15" s="22"/>
      <c r="G15" s="21" t="s">
        <v>26</v>
      </c>
      <c r="H15" s="20"/>
      <c r="I15" s="16">
        <v>1684</v>
      </c>
      <c r="J15" s="22">
        <v>865</v>
      </c>
      <c r="K15" s="22">
        <v>819</v>
      </c>
    </row>
    <row r="16" spans="1:11" ht="15" customHeight="1">
      <c r="A16" s="20" t="s">
        <v>27</v>
      </c>
      <c r="B16" s="20"/>
      <c r="C16" s="16">
        <v>1192</v>
      </c>
      <c r="D16" s="22">
        <v>608</v>
      </c>
      <c r="E16" s="22">
        <v>584</v>
      </c>
      <c r="F16" s="22"/>
      <c r="G16" s="21" t="s">
        <v>28</v>
      </c>
      <c r="H16" s="20"/>
      <c r="I16" s="16">
        <v>1655</v>
      </c>
      <c r="J16" s="22">
        <v>860</v>
      </c>
      <c r="K16" s="22">
        <v>795</v>
      </c>
    </row>
    <row r="17" spans="1:11" ht="20.100000000000001" customHeight="1">
      <c r="A17" s="24" t="s">
        <v>29</v>
      </c>
      <c r="B17" s="24"/>
      <c r="C17" s="16">
        <v>6051</v>
      </c>
      <c r="D17" s="17">
        <v>3135</v>
      </c>
      <c r="E17" s="17">
        <v>2916</v>
      </c>
      <c r="F17" s="17"/>
      <c r="G17" s="21" t="s">
        <v>30</v>
      </c>
      <c r="H17" s="20"/>
      <c r="I17" s="16">
        <v>7113</v>
      </c>
      <c r="J17" s="17">
        <v>3613</v>
      </c>
      <c r="K17" s="17">
        <v>3500</v>
      </c>
    </row>
    <row r="18" spans="1:11" ht="15" customHeight="1">
      <c r="A18" s="20" t="s">
        <v>31</v>
      </c>
      <c r="B18" s="20"/>
      <c r="C18" s="16">
        <v>1169</v>
      </c>
      <c r="D18" s="22">
        <v>628</v>
      </c>
      <c r="E18" s="22">
        <v>541</v>
      </c>
      <c r="F18" s="22"/>
      <c r="G18" s="21" t="s">
        <v>32</v>
      </c>
      <c r="H18" s="20"/>
      <c r="I18" s="16">
        <v>1503</v>
      </c>
      <c r="J18" s="22">
        <v>765</v>
      </c>
      <c r="K18" s="22">
        <v>738</v>
      </c>
    </row>
    <row r="19" spans="1:11" ht="15" customHeight="1">
      <c r="A19" s="20" t="s">
        <v>33</v>
      </c>
      <c r="B19" s="20"/>
      <c r="C19" s="16">
        <v>1210</v>
      </c>
      <c r="D19" s="22">
        <v>615</v>
      </c>
      <c r="E19" s="22">
        <v>595</v>
      </c>
      <c r="F19" s="22"/>
      <c r="G19" s="21" t="s">
        <v>34</v>
      </c>
      <c r="H19" s="20"/>
      <c r="I19" s="16">
        <v>1443</v>
      </c>
      <c r="J19" s="22">
        <v>777</v>
      </c>
      <c r="K19" s="22">
        <v>666</v>
      </c>
    </row>
    <row r="20" spans="1:11" ht="15" customHeight="1">
      <c r="A20" s="20" t="s">
        <v>35</v>
      </c>
      <c r="B20" s="20"/>
      <c r="C20" s="16">
        <v>1216</v>
      </c>
      <c r="D20" s="22">
        <v>640</v>
      </c>
      <c r="E20" s="22">
        <v>576</v>
      </c>
      <c r="F20" s="22"/>
      <c r="G20" s="21" t="s">
        <v>36</v>
      </c>
      <c r="H20" s="20"/>
      <c r="I20" s="16">
        <v>1413</v>
      </c>
      <c r="J20" s="22">
        <v>698</v>
      </c>
      <c r="K20" s="22">
        <v>715</v>
      </c>
    </row>
    <row r="21" spans="1:11" ht="15" customHeight="1">
      <c r="A21" s="20" t="s">
        <v>37</v>
      </c>
      <c r="B21" s="20"/>
      <c r="C21" s="16">
        <v>1218</v>
      </c>
      <c r="D21" s="22">
        <v>638</v>
      </c>
      <c r="E21" s="22">
        <v>580</v>
      </c>
      <c r="F21" s="22"/>
      <c r="G21" s="21" t="s">
        <v>38</v>
      </c>
      <c r="H21" s="20"/>
      <c r="I21" s="16">
        <v>1404</v>
      </c>
      <c r="J21" s="22">
        <v>701</v>
      </c>
      <c r="K21" s="22">
        <v>703</v>
      </c>
    </row>
    <row r="22" spans="1:11" ht="15" customHeight="1">
      <c r="A22" s="20" t="s">
        <v>39</v>
      </c>
      <c r="B22" s="20"/>
      <c r="C22" s="16">
        <v>1238</v>
      </c>
      <c r="D22" s="22">
        <v>614</v>
      </c>
      <c r="E22" s="22">
        <v>624</v>
      </c>
      <c r="F22" s="22"/>
      <c r="G22" s="21" t="s">
        <v>40</v>
      </c>
      <c r="H22" s="20"/>
      <c r="I22" s="16">
        <v>1350</v>
      </c>
      <c r="J22" s="22">
        <v>672</v>
      </c>
      <c r="K22" s="22">
        <v>678</v>
      </c>
    </row>
    <row r="23" spans="1:11" ht="20.100000000000001" customHeight="1">
      <c r="A23" s="20" t="s">
        <v>41</v>
      </c>
      <c r="B23" s="20"/>
      <c r="C23" s="16">
        <v>6336</v>
      </c>
      <c r="D23" s="17">
        <v>3274</v>
      </c>
      <c r="E23" s="17">
        <v>3062</v>
      </c>
      <c r="F23" s="17"/>
      <c r="G23" s="21" t="s">
        <v>42</v>
      </c>
      <c r="H23" s="20"/>
      <c r="I23" s="16">
        <v>6756</v>
      </c>
      <c r="J23" s="17">
        <v>3321</v>
      </c>
      <c r="K23" s="17">
        <v>3435</v>
      </c>
    </row>
    <row r="24" spans="1:11" ht="15" customHeight="1">
      <c r="A24" s="20" t="s">
        <v>43</v>
      </c>
      <c r="B24" s="20"/>
      <c r="C24" s="16">
        <v>1218</v>
      </c>
      <c r="D24" s="22">
        <v>607</v>
      </c>
      <c r="E24" s="22">
        <v>611</v>
      </c>
      <c r="F24" s="22"/>
      <c r="G24" s="21" t="s">
        <v>44</v>
      </c>
      <c r="H24" s="20"/>
      <c r="I24" s="16">
        <v>1258</v>
      </c>
      <c r="J24" s="22">
        <v>628</v>
      </c>
      <c r="K24" s="22">
        <v>630</v>
      </c>
    </row>
    <row r="25" spans="1:11" ht="15" customHeight="1">
      <c r="A25" s="20" t="s">
        <v>45</v>
      </c>
      <c r="B25" s="20"/>
      <c r="C25" s="16">
        <v>1260</v>
      </c>
      <c r="D25" s="22">
        <v>651</v>
      </c>
      <c r="E25" s="22">
        <v>609</v>
      </c>
      <c r="F25" s="22"/>
      <c r="G25" s="21" t="s">
        <v>46</v>
      </c>
      <c r="H25" s="20"/>
      <c r="I25" s="16">
        <v>1291</v>
      </c>
      <c r="J25" s="22">
        <v>613</v>
      </c>
      <c r="K25" s="22">
        <v>678</v>
      </c>
    </row>
    <row r="26" spans="1:11" ht="15" customHeight="1">
      <c r="A26" s="20" t="s">
        <v>47</v>
      </c>
      <c r="B26" s="20"/>
      <c r="C26" s="16">
        <v>1282</v>
      </c>
      <c r="D26" s="22">
        <v>669</v>
      </c>
      <c r="E26" s="22">
        <v>613</v>
      </c>
      <c r="F26" s="22"/>
      <c r="G26" s="21" t="s">
        <v>48</v>
      </c>
      <c r="H26" s="20"/>
      <c r="I26" s="16">
        <v>1390</v>
      </c>
      <c r="J26" s="22">
        <v>683</v>
      </c>
      <c r="K26" s="22">
        <v>707</v>
      </c>
    </row>
    <row r="27" spans="1:11" ht="15" customHeight="1">
      <c r="A27" s="20" t="s">
        <v>49</v>
      </c>
      <c r="B27" s="20"/>
      <c r="C27" s="16">
        <v>1287</v>
      </c>
      <c r="D27" s="22">
        <v>649</v>
      </c>
      <c r="E27" s="22">
        <v>638</v>
      </c>
      <c r="F27" s="22"/>
      <c r="G27" s="21" t="s">
        <v>50</v>
      </c>
      <c r="H27" s="20"/>
      <c r="I27" s="16">
        <v>1410</v>
      </c>
      <c r="J27" s="22">
        <v>683</v>
      </c>
      <c r="K27" s="22">
        <v>727</v>
      </c>
    </row>
    <row r="28" spans="1:11" ht="15" customHeight="1">
      <c r="A28" s="20" t="s">
        <v>51</v>
      </c>
      <c r="B28" s="20"/>
      <c r="C28" s="16">
        <v>1289</v>
      </c>
      <c r="D28" s="22">
        <v>698</v>
      </c>
      <c r="E28" s="22">
        <v>591</v>
      </c>
      <c r="F28" s="22"/>
      <c r="G28" s="21" t="s">
        <v>52</v>
      </c>
      <c r="H28" s="20"/>
      <c r="I28" s="16">
        <v>1407</v>
      </c>
      <c r="J28" s="22">
        <v>714</v>
      </c>
      <c r="K28" s="22">
        <v>693</v>
      </c>
    </row>
    <row r="29" spans="1:11" ht="20.100000000000001" customHeight="1">
      <c r="A29" s="20" t="s">
        <v>53</v>
      </c>
      <c r="B29" s="20"/>
      <c r="C29" s="16">
        <v>6750</v>
      </c>
      <c r="D29" s="17">
        <v>3462</v>
      </c>
      <c r="E29" s="17">
        <v>3288</v>
      </c>
      <c r="F29" s="17"/>
      <c r="G29" s="21" t="s">
        <v>54</v>
      </c>
      <c r="H29" s="20"/>
      <c r="I29" s="16">
        <v>9161</v>
      </c>
      <c r="J29" s="17">
        <v>4260</v>
      </c>
      <c r="K29" s="17">
        <v>4901</v>
      </c>
    </row>
    <row r="30" spans="1:11" ht="15" customHeight="1">
      <c r="A30" s="20" t="s">
        <v>55</v>
      </c>
      <c r="B30" s="20"/>
      <c r="C30" s="16">
        <v>1359</v>
      </c>
      <c r="D30" s="22">
        <v>680</v>
      </c>
      <c r="E30" s="22">
        <v>679</v>
      </c>
      <c r="F30" s="22"/>
      <c r="G30" s="21" t="s">
        <v>56</v>
      </c>
      <c r="H30" s="20"/>
      <c r="I30" s="16">
        <v>1608</v>
      </c>
      <c r="J30" s="22">
        <v>754</v>
      </c>
      <c r="K30" s="22">
        <v>854</v>
      </c>
    </row>
    <row r="31" spans="1:11" ht="15" customHeight="1">
      <c r="A31" s="20" t="s">
        <v>57</v>
      </c>
      <c r="B31" s="20"/>
      <c r="C31" s="16">
        <v>1330</v>
      </c>
      <c r="D31" s="22">
        <v>677</v>
      </c>
      <c r="E31" s="22">
        <v>653</v>
      </c>
      <c r="F31" s="22"/>
      <c r="G31" s="21" t="s">
        <v>58</v>
      </c>
      <c r="H31" s="20"/>
      <c r="I31" s="16">
        <v>1696</v>
      </c>
      <c r="J31" s="22">
        <v>789</v>
      </c>
      <c r="K31" s="22">
        <v>907</v>
      </c>
    </row>
    <row r="32" spans="1:11" ht="15" customHeight="1">
      <c r="A32" s="20" t="s">
        <v>59</v>
      </c>
      <c r="B32" s="20"/>
      <c r="C32" s="16">
        <v>1349</v>
      </c>
      <c r="D32" s="22">
        <v>709</v>
      </c>
      <c r="E32" s="22">
        <v>640</v>
      </c>
      <c r="F32" s="22"/>
      <c r="G32" s="21" t="s">
        <v>60</v>
      </c>
      <c r="H32" s="20"/>
      <c r="I32" s="16">
        <v>1807</v>
      </c>
      <c r="J32" s="22">
        <v>833</v>
      </c>
      <c r="K32" s="22">
        <v>974</v>
      </c>
    </row>
    <row r="33" spans="1:11" ht="15" customHeight="1">
      <c r="A33" s="20" t="s">
        <v>61</v>
      </c>
      <c r="B33" s="20"/>
      <c r="C33" s="16">
        <v>1361</v>
      </c>
      <c r="D33" s="22">
        <v>701</v>
      </c>
      <c r="E33" s="22">
        <v>660</v>
      </c>
      <c r="F33" s="22"/>
      <c r="G33" s="21" t="s">
        <v>62</v>
      </c>
      <c r="H33" s="20"/>
      <c r="I33" s="16">
        <v>2082</v>
      </c>
      <c r="J33" s="22">
        <v>978</v>
      </c>
      <c r="K33" s="22">
        <v>1104</v>
      </c>
    </row>
    <row r="34" spans="1:11" ht="15" customHeight="1">
      <c r="A34" s="20" t="s">
        <v>63</v>
      </c>
      <c r="B34" s="20"/>
      <c r="C34" s="16">
        <v>1351</v>
      </c>
      <c r="D34" s="22">
        <v>695</v>
      </c>
      <c r="E34" s="22">
        <v>656</v>
      </c>
      <c r="F34" s="22"/>
      <c r="G34" s="21" t="s">
        <v>64</v>
      </c>
      <c r="H34" s="20"/>
      <c r="I34" s="16">
        <v>1968</v>
      </c>
      <c r="J34" s="22">
        <v>906</v>
      </c>
      <c r="K34" s="22">
        <v>1062</v>
      </c>
    </row>
    <row r="35" spans="1:11" ht="20.100000000000001" customHeight="1">
      <c r="A35" s="20" t="s">
        <v>65</v>
      </c>
      <c r="B35" s="20"/>
      <c r="C35" s="16">
        <v>7398</v>
      </c>
      <c r="D35" s="17">
        <v>3846</v>
      </c>
      <c r="E35" s="17">
        <v>3552</v>
      </c>
      <c r="F35" s="17"/>
      <c r="G35" s="21" t="s">
        <v>66</v>
      </c>
      <c r="H35" s="20"/>
      <c r="I35" s="16">
        <v>7428</v>
      </c>
      <c r="J35" s="17">
        <v>3427</v>
      </c>
      <c r="K35" s="17">
        <v>4001</v>
      </c>
    </row>
    <row r="36" spans="1:11" ht="15" customHeight="1">
      <c r="A36" s="20" t="s">
        <v>67</v>
      </c>
      <c r="B36" s="20"/>
      <c r="C36" s="16">
        <v>1327</v>
      </c>
      <c r="D36" s="22">
        <v>711</v>
      </c>
      <c r="E36" s="22">
        <v>616</v>
      </c>
      <c r="F36" s="22"/>
      <c r="G36" s="21" t="s">
        <v>68</v>
      </c>
      <c r="H36" s="20"/>
      <c r="I36" s="16">
        <v>1945</v>
      </c>
      <c r="J36" s="22">
        <v>872</v>
      </c>
      <c r="K36" s="22">
        <v>1073</v>
      </c>
    </row>
    <row r="37" spans="1:11" ht="15" customHeight="1">
      <c r="A37" s="20" t="s">
        <v>69</v>
      </c>
      <c r="B37" s="20"/>
      <c r="C37" s="16">
        <v>1475</v>
      </c>
      <c r="D37" s="22">
        <v>750</v>
      </c>
      <c r="E37" s="22">
        <v>725</v>
      </c>
      <c r="F37" s="22"/>
      <c r="G37" s="21" t="s">
        <v>70</v>
      </c>
      <c r="H37" s="20"/>
      <c r="I37" s="16">
        <v>1341</v>
      </c>
      <c r="J37" s="22">
        <v>650</v>
      </c>
      <c r="K37" s="22">
        <v>691</v>
      </c>
    </row>
    <row r="38" spans="1:11" ht="15" customHeight="1">
      <c r="A38" s="20" t="s">
        <v>71</v>
      </c>
      <c r="B38" s="20"/>
      <c r="C38" s="16">
        <v>1462</v>
      </c>
      <c r="D38" s="22">
        <v>782</v>
      </c>
      <c r="E38" s="22">
        <v>680</v>
      </c>
      <c r="F38" s="22"/>
      <c r="G38" s="21" t="s">
        <v>72</v>
      </c>
      <c r="H38" s="20"/>
      <c r="I38" s="16">
        <v>1165</v>
      </c>
      <c r="J38" s="22">
        <v>558</v>
      </c>
      <c r="K38" s="22">
        <v>607</v>
      </c>
    </row>
    <row r="39" spans="1:11" ht="15" customHeight="1">
      <c r="A39" s="20" t="s">
        <v>73</v>
      </c>
      <c r="B39" s="20"/>
      <c r="C39" s="16">
        <v>1658</v>
      </c>
      <c r="D39" s="22">
        <v>842</v>
      </c>
      <c r="E39" s="22">
        <v>816</v>
      </c>
      <c r="F39" s="22"/>
      <c r="G39" s="21" t="s">
        <v>74</v>
      </c>
      <c r="H39" s="20"/>
      <c r="I39" s="16">
        <v>1409</v>
      </c>
      <c r="J39" s="22">
        <v>666</v>
      </c>
      <c r="K39" s="22">
        <v>743</v>
      </c>
    </row>
    <row r="40" spans="1:11" ht="15" customHeight="1">
      <c r="A40" s="20" t="s">
        <v>75</v>
      </c>
      <c r="B40" s="20"/>
      <c r="C40" s="16">
        <v>1476</v>
      </c>
      <c r="D40" s="22">
        <v>761</v>
      </c>
      <c r="E40" s="22">
        <v>715</v>
      </c>
      <c r="F40" s="22"/>
      <c r="G40" s="21" t="s">
        <v>76</v>
      </c>
      <c r="H40" s="20"/>
      <c r="I40" s="16">
        <v>1568</v>
      </c>
      <c r="J40" s="22">
        <v>681</v>
      </c>
      <c r="K40" s="22">
        <v>887</v>
      </c>
    </row>
    <row r="41" spans="1:11" ht="20.100000000000001" customHeight="1">
      <c r="A41" s="20" t="s">
        <v>77</v>
      </c>
      <c r="B41" s="20"/>
      <c r="C41" s="16">
        <v>8086</v>
      </c>
      <c r="D41" s="17">
        <v>4227</v>
      </c>
      <c r="E41" s="17">
        <v>3859</v>
      </c>
      <c r="F41" s="17"/>
      <c r="G41" s="21" t="s">
        <v>78</v>
      </c>
      <c r="H41" s="20"/>
      <c r="I41" s="16">
        <v>5901</v>
      </c>
      <c r="J41" s="17">
        <v>2643</v>
      </c>
      <c r="K41" s="17">
        <v>3258</v>
      </c>
    </row>
    <row r="42" spans="1:11" ht="15" customHeight="1">
      <c r="A42" s="20" t="s">
        <v>79</v>
      </c>
      <c r="B42" s="20"/>
      <c r="C42" s="16">
        <v>1620</v>
      </c>
      <c r="D42" s="22">
        <v>853</v>
      </c>
      <c r="E42" s="22">
        <v>767</v>
      </c>
      <c r="F42" s="22"/>
      <c r="G42" s="21" t="s">
        <v>80</v>
      </c>
      <c r="H42" s="20"/>
      <c r="I42" s="16">
        <v>1405</v>
      </c>
      <c r="J42" s="22">
        <v>645</v>
      </c>
      <c r="K42" s="22">
        <v>760</v>
      </c>
    </row>
    <row r="43" spans="1:11" ht="15" customHeight="1">
      <c r="A43" s="20" t="s">
        <v>81</v>
      </c>
      <c r="B43" s="20"/>
      <c r="C43" s="16">
        <v>1611</v>
      </c>
      <c r="D43" s="22">
        <v>833</v>
      </c>
      <c r="E43" s="22">
        <v>778</v>
      </c>
      <c r="F43" s="22"/>
      <c r="G43" s="21" t="s">
        <v>82</v>
      </c>
      <c r="H43" s="20"/>
      <c r="I43" s="16">
        <v>1400</v>
      </c>
      <c r="J43" s="22">
        <v>626</v>
      </c>
      <c r="K43" s="22">
        <v>774</v>
      </c>
    </row>
    <row r="44" spans="1:11" ht="15" customHeight="1">
      <c r="A44" s="20" t="s">
        <v>83</v>
      </c>
      <c r="B44" s="20"/>
      <c r="C44" s="16">
        <v>1587</v>
      </c>
      <c r="D44" s="22">
        <v>833</v>
      </c>
      <c r="E44" s="22">
        <v>754</v>
      </c>
      <c r="F44" s="22"/>
      <c r="G44" s="21" t="s">
        <v>84</v>
      </c>
      <c r="H44" s="20"/>
      <c r="I44" s="16">
        <v>1223</v>
      </c>
      <c r="J44" s="22">
        <v>553</v>
      </c>
      <c r="K44" s="22">
        <v>670</v>
      </c>
    </row>
    <row r="45" spans="1:11" ht="15" customHeight="1">
      <c r="A45" s="20" t="s">
        <v>85</v>
      </c>
      <c r="B45" s="20"/>
      <c r="C45" s="16">
        <v>1568</v>
      </c>
      <c r="D45" s="22">
        <v>830</v>
      </c>
      <c r="E45" s="22">
        <v>738</v>
      </c>
      <c r="F45" s="22"/>
      <c r="G45" s="21" t="s">
        <v>86</v>
      </c>
      <c r="H45" s="20"/>
      <c r="I45" s="16">
        <v>979</v>
      </c>
      <c r="J45" s="22">
        <v>439</v>
      </c>
      <c r="K45" s="22">
        <v>540</v>
      </c>
    </row>
    <row r="46" spans="1:11" ht="15" customHeight="1">
      <c r="A46" s="20" t="s">
        <v>87</v>
      </c>
      <c r="B46" s="20"/>
      <c r="C46" s="16">
        <v>1700</v>
      </c>
      <c r="D46" s="22">
        <v>878</v>
      </c>
      <c r="E46" s="22">
        <v>822</v>
      </c>
      <c r="F46" s="22"/>
      <c r="G46" s="21" t="s">
        <v>88</v>
      </c>
      <c r="H46" s="20"/>
      <c r="I46" s="16">
        <v>894</v>
      </c>
      <c r="J46" s="22">
        <v>380</v>
      </c>
      <c r="K46" s="22">
        <v>514</v>
      </c>
    </row>
    <row r="47" spans="1:11" ht="20.100000000000001" customHeight="1">
      <c r="A47" s="20" t="s">
        <v>89</v>
      </c>
      <c r="B47" s="20"/>
      <c r="C47" s="16">
        <v>8835</v>
      </c>
      <c r="D47" s="17">
        <v>4626</v>
      </c>
      <c r="E47" s="17">
        <v>4209</v>
      </c>
      <c r="F47" s="17"/>
      <c r="G47" s="21" t="s">
        <v>90</v>
      </c>
      <c r="H47" s="20"/>
      <c r="I47" s="16">
        <v>3361</v>
      </c>
      <c r="J47" s="17">
        <v>1425</v>
      </c>
      <c r="K47" s="17">
        <v>1936</v>
      </c>
    </row>
    <row r="48" spans="1:11" ht="15" customHeight="1">
      <c r="A48" s="20" t="s">
        <v>91</v>
      </c>
      <c r="B48" s="20"/>
      <c r="C48" s="16">
        <v>1684</v>
      </c>
      <c r="D48" s="22">
        <v>889</v>
      </c>
      <c r="E48" s="22">
        <v>795</v>
      </c>
      <c r="F48" s="22"/>
      <c r="G48" s="21" t="s">
        <v>92</v>
      </c>
      <c r="H48" s="20"/>
      <c r="I48" s="16">
        <v>938</v>
      </c>
      <c r="J48" s="22">
        <v>420</v>
      </c>
      <c r="K48" s="22">
        <v>518</v>
      </c>
    </row>
    <row r="49" spans="1:11" ht="15" customHeight="1">
      <c r="A49" s="20" t="s">
        <v>93</v>
      </c>
      <c r="B49" s="20"/>
      <c r="C49" s="16">
        <v>1762</v>
      </c>
      <c r="D49" s="22">
        <v>961</v>
      </c>
      <c r="E49" s="22">
        <v>801</v>
      </c>
      <c r="F49" s="22"/>
      <c r="G49" s="21" t="s">
        <v>94</v>
      </c>
      <c r="H49" s="20"/>
      <c r="I49" s="16">
        <v>762</v>
      </c>
      <c r="J49" s="22">
        <v>348</v>
      </c>
      <c r="K49" s="22">
        <v>414</v>
      </c>
    </row>
    <row r="50" spans="1:11" ht="15" customHeight="1">
      <c r="A50" s="20" t="s">
        <v>95</v>
      </c>
      <c r="B50" s="20"/>
      <c r="C50" s="16">
        <v>1722</v>
      </c>
      <c r="D50" s="22">
        <v>890</v>
      </c>
      <c r="E50" s="22">
        <v>832</v>
      </c>
      <c r="F50" s="22"/>
      <c r="G50" s="21" t="s">
        <v>96</v>
      </c>
      <c r="H50" s="20"/>
      <c r="I50" s="16">
        <v>660</v>
      </c>
      <c r="J50" s="22">
        <v>292</v>
      </c>
      <c r="K50" s="22">
        <v>368</v>
      </c>
    </row>
    <row r="51" spans="1:11" ht="15" customHeight="1">
      <c r="A51" s="20" t="s">
        <v>97</v>
      </c>
      <c r="B51" s="20"/>
      <c r="C51" s="16">
        <v>1843</v>
      </c>
      <c r="D51" s="22">
        <v>964</v>
      </c>
      <c r="E51" s="22">
        <v>879</v>
      </c>
      <c r="F51" s="22"/>
      <c r="G51" s="21" t="s">
        <v>98</v>
      </c>
      <c r="H51" s="20"/>
      <c r="I51" s="16">
        <v>545</v>
      </c>
      <c r="J51" s="22">
        <v>205</v>
      </c>
      <c r="K51" s="22">
        <v>340</v>
      </c>
    </row>
    <row r="52" spans="1:11" ht="15" customHeight="1">
      <c r="A52" s="20" t="s">
        <v>99</v>
      </c>
      <c r="B52" s="20"/>
      <c r="C52" s="16">
        <v>1824</v>
      </c>
      <c r="D52" s="22">
        <v>922</v>
      </c>
      <c r="E52" s="22">
        <v>902</v>
      </c>
      <c r="F52" s="22"/>
      <c r="G52" s="21" t="s">
        <v>100</v>
      </c>
      <c r="H52" s="20"/>
      <c r="I52" s="16">
        <v>456</v>
      </c>
      <c r="J52" s="22">
        <v>160</v>
      </c>
      <c r="K52" s="22">
        <v>296</v>
      </c>
    </row>
    <row r="53" spans="1:11" ht="20.100000000000001" customHeight="1">
      <c r="A53" s="20" t="s">
        <v>101</v>
      </c>
      <c r="B53" s="20"/>
      <c r="C53" s="16">
        <v>9531</v>
      </c>
      <c r="D53" s="17">
        <v>4970</v>
      </c>
      <c r="E53" s="17">
        <v>4561</v>
      </c>
      <c r="F53" s="17"/>
      <c r="G53" s="21" t="s">
        <v>102</v>
      </c>
      <c r="H53" s="20"/>
      <c r="I53" s="16">
        <v>1415</v>
      </c>
      <c r="J53" s="17">
        <v>407</v>
      </c>
      <c r="K53" s="17">
        <v>1008</v>
      </c>
    </row>
    <row r="54" spans="1:11" ht="15" customHeight="1">
      <c r="A54" s="20" t="s">
        <v>103</v>
      </c>
      <c r="B54" s="20"/>
      <c r="C54" s="16">
        <v>1916</v>
      </c>
      <c r="D54" s="22">
        <v>1001</v>
      </c>
      <c r="E54" s="22">
        <v>915</v>
      </c>
      <c r="F54" s="22"/>
      <c r="G54" s="21" t="s">
        <v>104</v>
      </c>
      <c r="H54" s="20"/>
      <c r="I54" s="16">
        <v>414</v>
      </c>
      <c r="J54" s="22">
        <v>129</v>
      </c>
      <c r="K54" s="22">
        <v>285</v>
      </c>
    </row>
    <row r="55" spans="1:11" ht="15" customHeight="1">
      <c r="A55" s="20" t="s">
        <v>105</v>
      </c>
      <c r="B55" s="20"/>
      <c r="C55" s="16">
        <v>1788</v>
      </c>
      <c r="D55" s="22">
        <v>927</v>
      </c>
      <c r="E55" s="22">
        <v>861</v>
      </c>
      <c r="F55" s="22"/>
      <c r="G55" s="21" t="s">
        <v>106</v>
      </c>
      <c r="H55" s="20"/>
      <c r="I55" s="16">
        <v>347</v>
      </c>
      <c r="J55" s="22">
        <v>99</v>
      </c>
      <c r="K55" s="22">
        <v>248</v>
      </c>
    </row>
    <row r="56" spans="1:11" ht="15" customHeight="1">
      <c r="A56" s="20" t="s">
        <v>107</v>
      </c>
      <c r="B56" s="20"/>
      <c r="C56" s="16">
        <v>1874</v>
      </c>
      <c r="D56" s="22">
        <v>961</v>
      </c>
      <c r="E56" s="22">
        <v>913</v>
      </c>
      <c r="F56" s="22"/>
      <c r="G56" s="21" t="s">
        <v>108</v>
      </c>
      <c r="H56" s="20"/>
      <c r="I56" s="16">
        <v>263</v>
      </c>
      <c r="J56" s="22">
        <v>81</v>
      </c>
      <c r="K56" s="22">
        <v>182</v>
      </c>
    </row>
    <row r="57" spans="1:11" ht="15" customHeight="1">
      <c r="A57" s="20" t="s">
        <v>109</v>
      </c>
      <c r="B57" s="20"/>
      <c r="C57" s="16">
        <v>1972</v>
      </c>
      <c r="D57" s="22">
        <v>1039</v>
      </c>
      <c r="E57" s="22">
        <v>933</v>
      </c>
      <c r="F57" s="22"/>
      <c r="G57" s="21" t="s">
        <v>110</v>
      </c>
      <c r="H57" s="20"/>
      <c r="I57" s="16">
        <v>222</v>
      </c>
      <c r="J57" s="22">
        <v>54</v>
      </c>
      <c r="K57" s="22">
        <v>168</v>
      </c>
    </row>
    <row r="58" spans="1:11" ht="15" customHeight="1">
      <c r="A58" s="20" t="s">
        <v>111</v>
      </c>
      <c r="B58" s="20"/>
      <c r="C58" s="16">
        <v>1981</v>
      </c>
      <c r="D58" s="22">
        <v>1042</v>
      </c>
      <c r="E58" s="22">
        <v>939</v>
      </c>
      <c r="F58" s="22"/>
      <c r="G58" s="21" t="s">
        <v>112</v>
      </c>
      <c r="H58" s="20"/>
      <c r="I58" s="16">
        <v>169</v>
      </c>
      <c r="J58" s="22">
        <v>44</v>
      </c>
      <c r="K58" s="22">
        <v>125</v>
      </c>
    </row>
    <row r="59" spans="1:11" ht="20.100000000000001" customHeight="1">
      <c r="A59" s="20" t="s">
        <v>113</v>
      </c>
      <c r="B59" s="20"/>
      <c r="C59" s="16">
        <v>11146</v>
      </c>
      <c r="D59" s="17">
        <v>5743</v>
      </c>
      <c r="E59" s="17">
        <v>5403</v>
      </c>
      <c r="F59" s="17"/>
      <c r="G59" s="21" t="s">
        <v>114</v>
      </c>
      <c r="H59" s="20"/>
      <c r="I59" s="16">
        <v>404</v>
      </c>
      <c r="J59" s="17">
        <v>88</v>
      </c>
      <c r="K59" s="17">
        <v>316</v>
      </c>
    </row>
    <row r="60" spans="1:11" ht="15" customHeight="1">
      <c r="A60" s="20" t="s">
        <v>115</v>
      </c>
      <c r="B60" s="20"/>
      <c r="C60" s="16">
        <v>2067</v>
      </c>
      <c r="D60" s="22">
        <v>1075</v>
      </c>
      <c r="E60" s="22">
        <v>992</v>
      </c>
      <c r="F60" s="22"/>
      <c r="G60" s="21" t="s">
        <v>116</v>
      </c>
      <c r="H60" s="20"/>
      <c r="I60" s="16">
        <v>152</v>
      </c>
      <c r="J60" s="22">
        <v>38</v>
      </c>
      <c r="K60" s="22">
        <v>114</v>
      </c>
    </row>
    <row r="61" spans="1:11" ht="15" customHeight="1">
      <c r="A61" s="20" t="s">
        <v>117</v>
      </c>
      <c r="B61" s="20"/>
      <c r="C61" s="16">
        <v>2100</v>
      </c>
      <c r="D61" s="22">
        <v>1072</v>
      </c>
      <c r="E61" s="22">
        <v>1028</v>
      </c>
      <c r="F61" s="22"/>
      <c r="G61" s="21" t="s">
        <v>118</v>
      </c>
      <c r="H61" s="20"/>
      <c r="I61" s="16">
        <v>107</v>
      </c>
      <c r="J61" s="22">
        <v>24</v>
      </c>
      <c r="K61" s="22">
        <v>83</v>
      </c>
    </row>
    <row r="62" spans="1:11" ht="15" customHeight="1">
      <c r="A62" s="20" t="s">
        <v>119</v>
      </c>
      <c r="B62" s="20"/>
      <c r="C62" s="16">
        <v>2140</v>
      </c>
      <c r="D62" s="22">
        <v>1091</v>
      </c>
      <c r="E62" s="22">
        <v>1049</v>
      </c>
      <c r="F62" s="22"/>
      <c r="G62" s="21" t="s">
        <v>120</v>
      </c>
      <c r="H62" s="20"/>
      <c r="I62" s="16">
        <v>74</v>
      </c>
      <c r="J62" s="22">
        <v>13</v>
      </c>
      <c r="K62" s="22">
        <v>61</v>
      </c>
    </row>
    <row r="63" spans="1:11" ht="15" customHeight="1">
      <c r="A63" s="20" t="s">
        <v>121</v>
      </c>
      <c r="B63" s="20"/>
      <c r="C63" s="16">
        <v>2325</v>
      </c>
      <c r="D63" s="22">
        <v>1203</v>
      </c>
      <c r="E63" s="22">
        <v>1122</v>
      </c>
      <c r="F63" s="22"/>
      <c r="G63" s="21" t="s">
        <v>122</v>
      </c>
      <c r="H63" s="20"/>
      <c r="I63" s="16">
        <v>46</v>
      </c>
      <c r="J63" s="22">
        <v>10</v>
      </c>
      <c r="K63" s="22">
        <v>36</v>
      </c>
    </row>
    <row r="64" spans="1:11" ht="15" customHeight="1">
      <c r="A64" s="20" t="s">
        <v>123</v>
      </c>
      <c r="B64" s="20"/>
      <c r="C64" s="16">
        <v>2514</v>
      </c>
      <c r="D64" s="22">
        <v>1302</v>
      </c>
      <c r="E64" s="22">
        <v>1212</v>
      </c>
      <c r="F64" s="22"/>
      <c r="G64" s="21" t="s">
        <v>124</v>
      </c>
      <c r="H64" s="20"/>
      <c r="I64" s="16">
        <v>25</v>
      </c>
      <c r="J64" s="22">
        <v>3</v>
      </c>
      <c r="K64" s="22">
        <v>22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52</v>
      </c>
      <c r="J65" s="22">
        <v>0</v>
      </c>
      <c r="K65" s="22">
        <v>52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2052</v>
      </c>
      <c r="J66" s="32">
        <v>1190</v>
      </c>
      <c r="K66" s="32">
        <v>862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7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37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32080</v>
      </c>
      <c r="D4" s="17">
        <v>65635</v>
      </c>
      <c r="E4" s="17">
        <v>66445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4359</v>
      </c>
      <c r="D5" s="17">
        <v>2227</v>
      </c>
      <c r="E5" s="17">
        <v>2132</v>
      </c>
      <c r="F5" s="17"/>
      <c r="G5" s="21" t="s">
        <v>6</v>
      </c>
      <c r="H5" s="20"/>
      <c r="I5" s="16">
        <v>11183</v>
      </c>
      <c r="J5" s="17">
        <v>5857</v>
      </c>
      <c r="K5" s="17">
        <v>5326</v>
      </c>
    </row>
    <row r="6" spans="1:11" ht="15" customHeight="1">
      <c r="A6" s="20" t="s">
        <v>7</v>
      </c>
      <c r="B6" s="20"/>
      <c r="C6" s="16">
        <v>807</v>
      </c>
      <c r="D6" s="22">
        <v>409</v>
      </c>
      <c r="E6" s="22">
        <v>398</v>
      </c>
      <c r="F6" s="22"/>
      <c r="G6" s="21" t="s">
        <v>8</v>
      </c>
      <c r="H6" s="20"/>
      <c r="I6" s="16">
        <v>2375</v>
      </c>
      <c r="J6" s="22">
        <v>1238</v>
      </c>
      <c r="K6" s="22">
        <v>1137</v>
      </c>
    </row>
    <row r="7" spans="1:11" ht="15" customHeight="1">
      <c r="A7" s="20" t="s">
        <v>9</v>
      </c>
      <c r="B7" s="20"/>
      <c r="C7" s="16">
        <v>879</v>
      </c>
      <c r="D7" s="22">
        <v>448</v>
      </c>
      <c r="E7" s="22">
        <v>431</v>
      </c>
      <c r="F7" s="22"/>
      <c r="G7" s="21" t="s">
        <v>10</v>
      </c>
      <c r="H7" s="20"/>
      <c r="I7" s="16">
        <v>2287</v>
      </c>
      <c r="J7" s="22">
        <v>1236</v>
      </c>
      <c r="K7" s="22">
        <v>1051</v>
      </c>
    </row>
    <row r="8" spans="1:11" ht="15" customHeight="1">
      <c r="A8" s="20" t="s">
        <v>11</v>
      </c>
      <c r="B8" s="20"/>
      <c r="C8" s="16">
        <v>839</v>
      </c>
      <c r="D8" s="22">
        <v>443</v>
      </c>
      <c r="E8" s="22">
        <v>396</v>
      </c>
      <c r="F8" s="22"/>
      <c r="G8" s="21" t="s">
        <v>12</v>
      </c>
      <c r="H8" s="20"/>
      <c r="I8" s="16">
        <v>2315</v>
      </c>
      <c r="J8" s="22">
        <v>1179</v>
      </c>
      <c r="K8" s="22">
        <v>1136</v>
      </c>
    </row>
    <row r="9" spans="1:11" ht="15" customHeight="1">
      <c r="A9" s="20" t="s">
        <v>13</v>
      </c>
      <c r="B9" s="20"/>
      <c r="C9" s="16">
        <v>884</v>
      </c>
      <c r="D9" s="22">
        <v>453</v>
      </c>
      <c r="E9" s="22">
        <v>431</v>
      </c>
      <c r="F9" s="22"/>
      <c r="G9" s="21" t="s">
        <v>14</v>
      </c>
      <c r="H9" s="20"/>
      <c r="I9" s="16">
        <v>2111</v>
      </c>
      <c r="J9" s="22">
        <v>1094</v>
      </c>
      <c r="K9" s="22">
        <v>1017</v>
      </c>
    </row>
    <row r="10" spans="1:11" ht="15" customHeight="1">
      <c r="A10" s="20" t="s">
        <v>15</v>
      </c>
      <c r="B10" s="20"/>
      <c r="C10" s="16">
        <v>950</v>
      </c>
      <c r="D10" s="22">
        <v>474</v>
      </c>
      <c r="E10" s="22">
        <v>476</v>
      </c>
      <c r="F10" s="22"/>
      <c r="G10" s="21" t="s">
        <v>16</v>
      </c>
      <c r="H10" s="20"/>
      <c r="I10" s="16">
        <v>2095</v>
      </c>
      <c r="J10" s="22">
        <v>1110</v>
      </c>
      <c r="K10" s="22">
        <v>985</v>
      </c>
    </row>
    <row r="11" spans="1:11" ht="20.100000000000001" customHeight="1">
      <c r="A11" s="20" t="s">
        <v>17</v>
      </c>
      <c r="B11" s="20"/>
      <c r="C11" s="16">
        <v>4873</v>
      </c>
      <c r="D11" s="17">
        <v>2445</v>
      </c>
      <c r="E11" s="17">
        <v>2428</v>
      </c>
      <c r="F11" s="17"/>
      <c r="G11" s="21" t="s">
        <v>18</v>
      </c>
      <c r="H11" s="20"/>
      <c r="I11" s="16">
        <v>9616</v>
      </c>
      <c r="J11" s="17">
        <v>4947</v>
      </c>
      <c r="K11" s="17">
        <v>4669</v>
      </c>
    </row>
    <row r="12" spans="1:11" ht="15" customHeight="1">
      <c r="A12" s="20" t="s">
        <v>19</v>
      </c>
      <c r="B12" s="20"/>
      <c r="C12" s="16">
        <v>965</v>
      </c>
      <c r="D12" s="22">
        <v>483</v>
      </c>
      <c r="E12" s="22">
        <v>482</v>
      </c>
      <c r="F12" s="22"/>
      <c r="G12" s="21" t="s">
        <v>20</v>
      </c>
      <c r="H12" s="20"/>
      <c r="I12" s="16">
        <v>2302</v>
      </c>
      <c r="J12" s="22">
        <v>1198</v>
      </c>
      <c r="K12" s="22">
        <v>1104</v>
      </c>
    </row>
    <row r="13" spans="1:11" ht="15" customHeight="1">
      <c r="A13" s="20" t="s">
        <v>21</v>
      </c>
      <c r="B13" s="20"/>
      <c r="C13" s="16">
        <v>944</v>
      </c>
      <c r="D13" s="22">
        <v>504</v>
      </c>
      <c r="E13" s="22">
        <v>440</v>
      </c>
      <c r="F13" s="22"/>
      <c r="G13" s="21" t="s">
        <v>22</v>
      </c>
      <c r="H13" s="20"/>
      <c r="I13" s="16">
        <v>1678</v>
      </c>
      <c r="J13" s="22">
        <v>831</v>
      </c>
      <c r="K13" s="22">
        <v>847</v>
      </c>
    </row>
    <row r="14" spans="1:11" ht="15" customHeight="1">
      <c r="A14" s="20" t="s">
        <v>23</v>
      </c>
      <c r="B14" s="20"/>
      <c r="C14" s="16">
        <v>988</v>
      </c>
      <c r="D14" s="22">
        <v>493</v>
      </c>
      <c r="E14" s="22">
        <v>495</v>
      </c>
      <c r="F14" s="22"/>
      <c r="G14" s="21" t="s">
        <v>24</v>
      </c>
      <c r="H14" s="20"/>
      <c r="I14" s="16">
        <v>2020</v>
      </c>
      <c r="J14" s="22">
        <v>1037</v>
      </c>
      <c r="K14" s="22">
        <v>983</v>
      </c>
    </row>
    <row r="15" spans="1:11" ht="15" customHeight="1">
      <c r="A15" s="20" t="s">
        <v>25</v>
      </c>
      <c r="B15" s="20"/>
      <c r="C15" s="16">
        <v>962</v>
      </c>
      <c r="D15" s="22">
        <v>454</v>
      </c>
      <c r="E15" s="22">
        <v>508</v>
      </c>
      <c r="F15" s="22"/>
      <c r="G15" s="21" t="s">
        <v>26</v>
      </c>
      <c r="H15" s="20"/>
      <c r="I15" s="16">
        <v>1868</v>
      </c>
      <c r="J15" s="22">
        <v>973</v>
      </c>
      <c r="K15" s="22">
        <v>895</v>
      </c>
    </row>
    <row r="16" spans="1:11" ht="15" customHeight="1">
      <c r="A16" s="20" t="s">
        <v>27</v>
      </c>
      <c r="B16" s="20"/>
      <c r="C16" s="16">
        <v>1014</v>
      </c>
      <c r="D16" s="22">
        <v>511</v>
      </c>
      <c r="E16" s="22">
        <v>503</v>
      </c>
      <c r="F16" s="22"/>
      <c r="G16" s="21" t="s">
        <v>28</v>
      </c>
      <c r="H16" s="20"/>
      <c r="I16" s="16">
        <v>1748</v>
      </c>
      <c r="J16" s="22">
        <v>908</v>
      </c>
      <c r="K16" s="22">
        <v>840</v>
      </c>
    </row>
    <row r="17" spans="1:11" ht="20.100000000000001" customHeight="1">
      <c r="A17" s="24" t="s">
        <v>29</v>
      </c>
      <c r="B17" s="24"/>
      <c r="C17" s="16">
        <v>5289</v>
      </c>
      <c r="D17" s="17">
        <v>2703</v>
      </c>
      <c r="E17" s="17">
        <v>2586</v>
      </c>
      <c r="F17" s="17"/>
      <c r="G17" s="21" t="s">
        <v>30</v>
      </c>
      <c r="H17" s="20"/>
      <c r="I17" s="16">
        <v>7706</v>
      </c>
      <c r="J17" s="17">
        <v>3916</v>
      </c>
      <c r="K17" s="17">
        <v>3790</v>
      </c>
    </row>
    <row r="18" spans="1:11" ht="15" customHeight="1">
      <c r="A18" s="20" t="s">
        <v>31</v>
      </c>
      <c r="B18" s="20"/>
      <c r="C18" s="16">
        <v>995</v>
      </c>
      <c r="D18" s="22">
        <v>518</v>
      </c>
      <c r="E18" s="22">
        <v>477</v>
      </c>
      <c r="F18" s="22"/>
      <c r="G18" s="21" t="s">
        <v>32</v>
      </c>
      <c r="H18" s="20"/>
      <c r="I18" s="16">
        <v>1593</v>
      </c>
      <c r="J18" s="22">
        <v>826</v>
      </c>
      <c r="K18" s="22">
        <v>767</v>
      </c>
    </row>
    <row r="19" spans="1:11" ht="15" customHeight="1">
      <c r="A19" s="20" t="s">
        <v>33</v>
      </c>
      <c r="B19" s="20"/>
      <c r="C19" s="16">
        <v>1089</v>
      </c>
      <c r="D19" s="22">
        <v>539</v>
      </c>
      <c r="E19" s="22">
        <v>550</v>
      </c>
      <c r="F19" s="22"/>
      <c r="G19" s="21" t="s">
        <v>34</v>
      </c>
      <c r="H19" s="20"/>
      <c r="I19" s="16">
        <v>1613</v>
      </c>
      <c r="J19" s="22">
        <v>793</v>
      </c>
      <c r="K19" s="22">
        <v>820</v>
      </c>
    </row>
    <row r="20" spans="1:11" ht="15" customHeight="1">
      <c r="A20" s="20" t="s">
        <v>35</v>
      </c>
      <c r="B20" s="20"/>
      <c r="C20" s="16">
        <v>1046</v>
      </c>
      <c r="D20" s="22">
        <v>526</v>
      </c>
      <c r="E20" s="22">
        <v>520</v>
      </c>
      <c r="F20" s="22"/>
      <c r="G20" s="21" t="s">
        <v>36</v>
      </c>
      <c r="H20" s="20"/>
      <c r="I20" s="16">
        <v>1516</v>
      </c>
      <c r="J20" s="22">
        <v>780</v>
      </c>
      <c r="K20" s="22">
        <v>736</v>
      </c>
    </row>
    <row r="21" spans="1:11" ht="15" customHeight="1">
      <c r="A21" s="20" t="s">
        <v>37</v>
      </c>
      <c r="B21" s="20"/>
      <c r="C21" s="16">
        <v>1068</v>
      </c>
      <c r="D21" s="22">
        <v>564</v>
      </c>
      <c r="E21" s="22">
        <v>504</v>
      </c>
      <c r="F21" s="22"/>
      <c r="G21" s="21" t="s">
        <v>38</v>
      </c>
      <c r="H21" s="20"/>
      <c r="I21" s="16">
        <v>1479</v>
      </c>
      <c r="J21" s="22">
        <v>776</v>
      </c>
      <c r="K21" s="22">
        <v>703</v>
      </c>
    </row>
    <row r="22" spans="1:11" ht="15" customHeight="1">
      <c r="A22" s="20" t="s">
        <v>39</v>
      </c>
      <c r="B22" s="20"/>
      <c r="C22" s="16">
        <v>1091</v>
      </c>
      <c r="D22" s="22">
        <v>556</v>
      </c>
      <c r="E22" s="22">
        <v>535</v>
      </c>
      <c r="F22" s="22"/>
      <c r="G22" s="21" t="s">
        <v>40</v>
      </c>
      <c r="H22" s="20"/>
      <c r="I22" s="16">
        <v>1505</v>
      </c>
      <c r="J22" s="22">
        <v>741</v>
      </c>
      <c r="K22" s="22">
        <v>764</v>
      </c>
    </row>
    <row r="23" spans="1:11" ht="20.100000000000001" customHeight="1">
      <c r="A23" s="20" t="s">
        <v>41</v>
      </c>
      <c r="B23" s="20"/>
      <c r="C23" s="16">
        <v>5486</v>
      </c>
      <c r="D23" s="17">
        <v>2848</v>
      </c>
      <c r="E23" s="17">
        <v>2638</v>
      </c>
      <c r="F23" s="17"/>
      <c r="G23" s="21" t="s">
        <v>42</v>
      </c>
      <c r="H23" s="20"/>
      <c r="I23" s="16">
        <v>6824</v>
      </c>
      <c r="J23" s="17">
        <v>3417</v>
      </c>
      <c r="K23" s="17">
        <v>3407</v>
      </c>
    </row>
    <row r="24" spans="1:11" ht="15" customHeight="1">
      <c r="A24" s="20" t="s">
        <v>43</v>
      </c>
      <c r="B24" s="20"/>
      <c r="C24" s="16">
        <v>1088</v>
      </c>
      <c r="D24" s="22">
        <v>554</v>
      </c>
      <c r="E24" s="22">
        <v>534</v>
      </c>
      <c r="F24" s="22"/>
      <c r="G24" s="21" t="s">
        <v>44</v>
      </c>
      <c r="H24" s="20"/>
      <c r="I24" s="16">
        <v>1332</v>
      </c>
      <c r="J24" s="22">
        <v>678</v>
      </c>
      <c r="K24" s="22">
        <v>654</v>
      </c>
    </row>
    <row r="25" spans="1:11" ht="15" customHeight="1">
      <c r="A25" s="20" t="s">
        <v>45</v>
      </c>
      <c r="B25" s="20"/>
      <c r="C25" s="16">
        <v>1097</v>
      </c>
      <c r="D25" s="22">
        <v>551</v>
      </c>
      <c r="E25" s="22">
        <v>546</v>
      </c>
      <c r="F25" s="22"/>
      <c r="G25" s="21" t="s">
        <v>46</v>
      </c>
      <c r="H25" s="20"/>
      <c r="I25" s="16">
        <v>1239</v>
      </c>
      <c r="J25" s="22">
        <v>586</v>
      </c>
      <c r="K25" s="22">
        <v>653</v>
      </c>
    </row>
    <row r="26" spans="1:11" ht="15" customHeight="1">
      <c r="A26" s="20" t="s">
        <v>47</v>
      </c>
      <c r="B26" s="20"/>
      <c r="C26" s="16">
        <v>1056</v>
      </c>
      <c r="D26" s="22">
        <v>556</v>
      </c>
      <c r="E26" s="22">
        <v>500</v>
      </c>
      <c r="F26" s="22"/>
      <c r="G26" s="21" t="s">
        <v>48</v>
      </c>
      <c r="H26" s="20"/>
      <c r="I26" s="16">
        <v>1427</v>
      </c>
      <c r="J26" s="22">
        <v>741</v>
      </c>
      <c r="K26" s="22">
        <v>686</v>
      </c>
    </row>
    <row r="27" spans="1:11" ht="15" customHeight="1">
      <c r="A27" s="20" t="s">
        <v>49</v>
      </c>
      <c r="B27" s="20"/>
      <c r="C27" s="16">
        <v>1122</v>
      </c>
      <c r="D27" s="22">
        <v>605</v>
      </c>
      <c r="E27" s="22">
        <v>517</v>
      </c>
      <c r="F27" s="22"/>
      <c r="G27" s="21" t="s">
        <v>50</v>
      </c>
      <c r="H27" s="20"/>
      <c r="I27" s="16">
        <v>1392</v>
      </c>
      <c r="J27" s="22">
        <v>722</v>
      </c>
      <c r="K27" s="22">
        <v>670</v>
      </c>
    </row>
    <row r="28" spans="1:11" ht="15" customHeight="1">
      <c r="A28" s="20" t="s">
        <v>51</v>
      </c>
      <c r="B28" s="20"/>
      <c r="C28" s="16">
        <v>1123</v>
      </c>
      <c r="D28" s="22">
        <v>582</v>
      </c>
      <c r="E28" s="22">
        <v>541</v>
      </c>
      <c r="F28" s="22"/>
      <c r="G28" s="21" t="s">
        <v>52</v>
      </c>
      <c r="H28" s="20"/>
      <c r="I28" s="16">
        <v>1434</v>
      </c>
      <c r="J28" s="22">
        <v>690</v>
      </c>
      <c r="K28" s="22">
        <v>744</v>
      </c>
    </row>
    <row r="29" spans="1:11" ht="20.100000000000001" customHeight="1">
      <c r="A29" s="20" t="s">
        <v>53</v>
      </c>
      <c r="B29" s="20"/>
      <c r="C29" s="16">
        <v>6420</v>
      </c>
      <c r="D29" s="17">
        <v>3269</v>
      </c>
      <c r="E29" s="17">
        <v>3151</v>
      </c>
      <c r="F29" s="17"/>
      <c r="G29" s="21" t="s">
        <v>54</v>
      </c>
      <c r="H29" s="20"/>
      <c r="I29" s="16">
        <v>8819</v>
      </c>
      <c r="J29" s="17">
        <v>4113</v>
      </c>
      <c r="K29" s="17">
        <v>4706</v>
      </c>
    </row>
    <row r="30" spans="1:11" ht="15" customHeight="1">
      <c r="A30" s="20" t="s">
        <v>55</v>
      </c>
      <c r="B30" s="20"/>
      <c r="C30" s="16">
        <v>1192</v>
      </c>
      <c r="D30" s="22">
        <v>631</v>
      </c>
      <c r="E30" s="22">
        <v>561</v>
      </c>
      <c r="F30" s="22"/>
      <c r="G30" s="21" t="s">
        <v>56</v>
      </c>
      <c r="H30" s="20"/>
      <c r="I30" s="16">
        <v>1601</v>
      </c>
      <c r="J30" s="22">
        <v>762</v>
      </c>
      <c r="K30" s="22">
        <v>839</v>
      </c>
    </row>
    <row r="31" spans="1:11" ht="15" customHeight="1">
      <c r="A31" s="20" t="s">
        <v>57</v>
      </c>
      <c r="B31" s="20"/>
      <c r="C31" s="16">
        <v>1245</v>
      </c>
      <c r="D31" s="22">
        <v>625</v>
      </c>
      <c r="E31" s="22">
        <v>620</v>
      </c>
      <c r="F31" s="22"/>
      <c r="G31" s="21" t="s">
        <v>58</v>
      </c>
      <c r="H31" s="20"/>
      <c r="I31" s="16">
        <v>1544</v>
      </c>
      <c r="J31" s="22">
        <v>730</v>
      </c>
      <c r="K31" s="22">
        <v>814</v>
      </c>
    </row>
    <row r="32" spans="1:11" ht="15" customHeight="1">
      <c r="A32" s="20" t="s">
        <v>59</v>
      </c>
      <c r="B32" s="20"/>
      <c r="C32" s="16">
        <v>1271</v>
      </c>
      <c r="D32" s="22">
        <v>619</v>
      </c>
      <c r="E32" s="22">
        <v>652</v>
      </c>
      <c r="F32" s="22"/>
      <c r="G32" s="21" t="s">
        <v>60</v>
      </c>
      <c r="H32" s="20"/>
      <c r="I32" s="16">
        <v>1766</v>
      </c>
      <c r="J32" s="22">
        <v>846</v>
      </c>
      <c r="K32" s="22">
        <v>920</v>
      </c>
    </row>
    <row r="33" spans="1:11" ht="15" customHeight="1">
      <c r="A33" s="20" t="s">
        <v>61</v>
      </c>
      <c r="B33" s="20"/>
      <c r="C33" s="16">
        <v>1360</v>
      </c>
      <c r="D33" s="22">
        <v>695</v>
      </c>
      <c r="E33" s="22">
        <v>665</v>
      </c>
      <c r="F33" s="22"/>
      <c r="G33" s="21" t="s">
        <v>62</v>
      </c>
      <c r="H33" s="20"/>
      <c r="I33" s="16">
        <v>1966</v>
      </c>
      <c r="J33" s="22">
        <v>901</v>
      </c>
      <c r="K33" s="22">
        <v>1065</v>
      </c>
    </row>
    <row r="34" spans="1:11" ht="15" customHeight="1">
      <c r="A34" s="20" t="s">
        <v>63</v>
      </c>
      <c r="B34" s="20"/>
      <c r="C34" s="16">
        <v>1352</v>
      </c>
      <c r="D34" s="22">
        <v>699</v>
      </c>
      <c r="E34" s="22">
        <v>653</v>
      </c>
      <c r="F34" s="22"/>
      <c r="G34" s="21" t="s">
        <v>64</v>
      </c>
      <c r="H34" s="20"/>
      <c r="I34" s="16">
        <v>1942</v>
      </c>
      <c r="J34" s="22">
        <v>874</v>
      </c>
      <c r="K34" s="22">
        <v>1068</v>
      </c>
    </row>
    <row r="35" spans="1:11" ht="20.100000000000001" customHeight="1">
      <c r="A35" s="20" t="s">
        <v>65</v>
      </c>
      <c r="B35" s="20"/>
      <c r="C35" s="16">
        <v>6759</v>
      </c>
      <c r="D35" s="17">
        <v>3539</v>
      </c>
      <c r="E35" s="17">
        <v>3220</v>
      </c>
      <c r="F35" s="17"/>
      <c r="G35" s="21" t="s">
        <v>66</v>
      </c>
      <c r="H35" s="20"/>
      <c r="I35" s="16">
        <v>7303</v>
      </c>
      <c r="J35" s="17">
        <v>3275</v>
      </c>
      <c r="K35" s="17">
        <v>4028</v>
      </c>
    </row>
    <row r="36" spans="1:11" ht="15" customHeight="1">
      <c r="A36" s="20" t="s">
        <v>67</v>
      </c>
      <c r="B36" s="20"/>
      <c r="C36" s="16">
        <v>1419</v>
      </c>
      <c r="D36" s="22">
        <v>761</v>
      </c>
      <c r="E36" s="22">
        <v>658</v>
      </c>
      <c r="F36" s="22"/>
      <c r="G36" s="21" t="s">
        <v>68</v>
      </c>
      <c r="H36" s="20"/>
      <c r="I36" s="16">
        <v>1857</v>
      </c>
      <c r="J36" s="22">
        <v>836</v>
      </c>
      <c r="K36" s="22">
        <v>1021</v>
      </c>
    </row>
    <row r="37" spans="1:11" ht="15" customHeight="1">
      <c r="A37" s="20" t="s">
        <v>69</v>
      </c>
      <c r="B37" s="20"/>
      <c r="C37" s="16">
        <v>1340</v>
      </c>
      <c r="D37" s="22">
        <v>705</v>
      </c>
      <c r="E37" s="22">
        <v>635</v>
      </c>
      <c r="F37" s="22"/>
      <c r="G37" s="21" t="s">
        <v>70</v>
      </c>
      <c r="H37" s="20"/>
      <c r="I37" s="16">
        <v>1326</v>
      </c>
      <c r="J37" s="22">
        <v>634</v>
      </c>
      <c r="K37" s="22">
        <v>692</v>
      </c>
    </row>
    <row r="38" spans="1:11" ht="15" customHeight="1">
      <c r="A38" s="20" t="s">
        <v>71</v>
      </c>
      <c r="B38" s="20"/>
      <c r="C38" s="16">
        <v>1323</v>
      </c>
      <c r="D38" s="22">
        <v>687</v>
      </c>
      <c r="E38" s="22">
        <v>636</v>
      </c>
      <c r="F38" s="22"/>
      <c r="G38" s="21" t="s">
        <v>72</v>
      </c>
      <c r="H38" s="20"/>
      <c r="I38" s="16">
        <v>1132</v>
      </c>
      <c r="J38" s="22">
        <v>482</v>
      </c>
      <c r="K38" s="22">
        <v>650</v>
      </c>
    </row>
    <row r="39" spans="1:11" ht="15" customHeight="1">
      <c r="A39" s="20" t="s">
        <v>73</v>
      </c>
      <c r="B39" s="20"/>
      <c r="C39" s="16">
        <v>1374</v>
      </c>
      <c r="D39" s="22">
        <v>713</v>
      </c>
      <c r="E39" s="22">
        <v>661</v>
      </c>
      <c r="F39" s="22"/>
      <c r="G39" s="21" t="s">
        <v>74</v>
      </c>
      <c r="H39" s="20"/>
      <c r="I39" s="16">
        <v>1436</v>
      </c>
      <c r="J39" s="22">
        <v>634</v>
      </c>
      <c r="K39" s="22">
        <v>802</v>
      </c>
    </row>
    <row r="40" spans="1:11" ht="15" customHeight="1">
      <c r="A40" s="20" t="s">
        <v>75</v>
      </c>
      <c r="B40" s="20"/>
      <c r="C40" s="16">
        <v>1303</v>
      </c>
      <c r="D40" s="22">
        <v>673</v>
      </c>
      <c r="E40" s="22">
        <v>630</v>
      </c>
      <c r="F40" s="22"/>
      <c r="G40" s="21" t="s">
        <v>76</v>
      </c>
      <c r="H40" s="20"/>
      <c r="I40" s="16">
        <v>1552</v>
      </c>
      <c r="J40" s="22">
        <v>689</v>
      </c>
      <c r="K40" s="22">
        <v>863</v>
      </c>
    </row>
    <row r="41" spans="1:11" ht="20.100000000000001" customHeight="1">
      <c r="A41" s="20" t="s">
        <v>77</v>
      </c>
      <c r="B41" s="20"/>
      <c r="C41" s="16">
        <v>6756</v>
      </c>
      <c r="D41" s="17">
        <v>3517</v>
      </c>
      <c r="E41" s="17">
        <v>3239</v>
      </c>
      <c r="F41" s="17"/>
      <c r="G41" s="21" t="s">
        <v>78</v>
      </c>
      <c r="H41" s="20"/>
      <c r="I41" s="16">
        <v>5881</v>
      </c>
      <c r="J41" s="17">
        <v>2527</v>
      </c>
      <c r="K41" s="17">
        <v>3354</v>
      </c>
    </row>
    <row r="42" spans="1:11" ht="15" customHeight="1">
      <c r="A42" s="20" t="s">
        <v>79</v>
      </c>
      <c r="B42" s="20"/>
      <c r="C42" s="16">
        <v>1273</v>
      </c>
      <c r="D42" s="22">
        <v>641</v>
      </c>
      <c r="E42" s="22">
        <v>632</v>
      </c>
      <c r="F42" s="22"/>
      <c r="G42" s="21" t="s">
        <v>80</v>
      </c>
      <c r="H42" s="20"/>
      <c r="I42" s="16">
        <v>1432</v>
      </c>
      <c r="J42" s="22">
        <v>613</v>
      </c>
      <c r="K42" s="22">
        <v>819</v>
      </c>
    </row>
    <row r="43" spans="1:11" ht="15" customHeight="1">
      <c r="A43" s="20" t="s">
        <v>81</v>
      </c>
      <c r="B43" s="20"/>
      <c r="C43" s="16">
        <v>1375</v>
      </c>
      <c r="D43" s="22">
        <v>735</v>
      </c>
      <c r="E43" s="22">
        <v>640</v>
      </c>
      <c r="F43" s="22"/>
      <c r="G43" s="21" t="s">
        <v>82</v>
      </c>
      <c r="H43" s="20"/>
      <c r="I43" s="16">
        <v>1347</v>
      </c>
      <c r="J43" s="22">
        <v>558</v>
      </c>
      <c r="K43" s="22">
        <v>789</v>
      </c>
    </row>
    <row r="44" spans="1:11" ht="15" customHeight="1">
      <c r="A44" s="20" t="s">
        <v>83</v>
      </c>
      <c r="B44" s="20"/>
      <c r="C44" s="16">
        <v>1342</v>
      </c>
      <c r="D44" s="22">
        <v>678</v>
      </c>
      <c r="E44" s="22">
        <v>664</v>
      </c>
      <c r="F44" s="22"/>
      <c r="G44" s="21" t="s">
        <v>84</v>
      </c>
      <c r="H44" s="20"/>
      <c r="I44" s="16">
        <v>1236</v>
      </c>
      <c r="J44" s="22">
        <v>553</v>
      </c>
      <c r="K44" s="22">
        <v>683</v>
      </c>
    </row>
    <row r="45" spans="1:11" ht="15" customHeight="1">
      <c r="A45" s="20" t="s">
        <v>85</v>
      </c>
      <c r="B45" s="20"/>
      <c r="C45" s="16">
        <v>1321</v>
      </c>
      <c r="D45" s="22">
        <v>733</v>
      </c>
      <c r="E45" s="22">
        <v>588</v>
      </c>
      <c r="F45" s="22"/>
      <c r="G45" s="21" t="s">
        <v>86</v>
      </c>
      <c r="H45" s="20"/>
      <c r="I45" s="16">
        <v>993</v>
      </c>
      <c r="J45" s="22">
        <v>428</v>
      </c>
      <c r="K45" s="22">
        <v>565</v>
      </c>
    </row>
    <row r="46" spans="1:11" ht="15" customHeight="1">
      <c r="A46" s="20" t="s">
        <v>87</v>
      </c>
      <c r="B46" s="20"/>
      <c r="C46" s="16">
        <v>1445</v>
      </c>
      <c r="D46" s="22">
        <v>730</v>
      </c>
      <c r="E46" s="22">
        <v>715</v>
      </c>
      <c r="F46" s="22"/>
      <c r="G46" s="21" t="s">
        <v>88</v>
      </c>
      <c r="H46" s="20"/>
      <c r="I46" s="16">
        <v>873</v>
      </c>
      <c r="J46" s="22">
        <v>375</v>
      </c>
      <c r="K46" s="22">
        <v>498</v>
      </c>
    </row>
    <row r="47" spans="1:11" ht="20.100000000000001" customHeight="1">
      <c r="A47" s="20" t="s">
        <v>89</v>
      </c>
      <c r="B47" s="20"/>
      <c r="C47" s="16">
        <v>7411</v>
      </c>
      <c r="D47" s="17">
        <v>3928</v>
      </c>
      <c r="E47" s="17">
        <v>3483</v>
      </c>
      <c r="F47" s="17"/>
      <c r="G47" s="21" t="s">
        <v>90</v>
      </c>
      <c r="H47" s="20"/>
      <c r="I47" s="16">
        <v>3389</v>
      </c>
      <c r="J47" s="17">
        <v>1365</v>
      </c>
      <c r="K47" s="17">
        <v>2024</v>
      </c>
    </row>
    <row r="48" spans="1:11" ht="15" customHeight="1">
      <c r="A48" s="20" t="s">
        <v>91</v>
      </c>
      <c r="B48" s="20"/>
      <c r="C48" s="16">
        <v>1455</v>
      </c>
      <c r="D48" s="22">
        <v>766</v>
      </c>
      <c r="E48" s="22">
        <v>689</v>
      </c>
      <c r="F48" s="22"/>
      <c r="G48" s="21" t="s">
        <v>92</v>
      </c>
      <c r="H48" s="20"/>
      <c r="I48" s="16">
        <v>902</v>
      </c>
      <c r="J48" s="22">
        <v>376</v>
      </c>
      <c r="K48" s="22">
        <v>526</v>
      </c>
    </row>
    <row r="49" spans="1:11" ht="15" customHeight="1">
      <c r="A49" s="20" t="s">
        <v>93</v>
      </c>
      <c r="B49" s="20"/>
      <c r="C49" s="16">
        <v>1427</v>
      </c>
      <c r="D49" s="22">
        <v>759</v>
      </c>
      <c r="E49" s="22">
        <v>668</v>
      </c>
      <c r="F49" s="22"/>
      <c r="G49" s="21" t="s">
        <v>94</v>
      </c>
      <c r="H49" s="20"/>
      <c r="I49" s="16">
        <v>798</v>
      </c>
      <c r="J49" s="22">
        <v>339</v>
      </c>
      <c r="K49" s="22">
        <v>459</v>
      </c>
    </row>
    <row r="50" spans="1:11" ht="15" customHeight="1">
      <c r="A50" s="20" t="s">
        <v>95</v>
      </c>
      <c r="B50" s="20"/>
      <c r="C50" s="16">
        <v>1518</v>
      </c>
      <c r="D50" s="22">
        <v>795</v>
      </c>
      <c r="E50" s="22">
        <v>723</v>
      </c>
      <c r="F50" s="22"/>
      <c r="G50" s="21" t="s">
        <v>96</v>
      </c>
      <c r="H50" s="20"/>
      <c r="I50" s="16">
        <v>675</v>
      </c>
      <c r="J50" s="22">
        <v>274</v>
      </c>
      <c r="K50" s="22">
        <v>401</v>
      </c>
    </row>
    <row r="51" spans="1:11" ht="15" customHeight="1">
      <c r="A51" s="20" t="s">
        <v>97</v>
      </c>
      <c r="B51" s="20"/>
      <c r="C51" s="16">
        <v>1473</v>
      </c>
      <c r="D51" s="22">
        <v>776</v>
      </c>
      <c r="E51" s="22">
        <v>697</v>
      </c>
      <c r="F51" s="22"/>
      <c r="G51" s="21" t="s">
        <v>98</v>
      </c>
      <c r="H51" s="20"/>
      <c r="I51" s="16">
        <v>555</v>
      </c>
      <c r="J51" s="22">
        <v>203</v>
      </c>
      <c r="K51" s="22">
        <v>352</v>
      </c>
    </row>
    <row r="52" spans="1:11" ht="15" customHeight="1">
      <c r="A52" s="20" t="s">
        <v>99</v>
      </c>
      <c r="B52" s="20"/>
      <c r="C52" s="16">
        <v>1538</v>
      </c>
      <c r="D52" s="22">
        <v>832</v>
      </c>
      <c r="E52" s="22">
        <v>706</v>
      </c>
      <c r="F52" s="22"/>
      <c r="G52" s="21" t="s">
        <v>100</v>
      </c>
      <c r="H52" s="20"/>
      <c r="I52" s="16">
        <v>459</v>
      </c>
      <c r="J52" s="22">
        <v>173</v>
      </c>
      <c r="K52" s="22">
        <v>286</v>
      </c>
    </row>
    <row r="53" spans="1:11" ht="20.100000000000001" customHeight="1">
      <c r="A53" s="20" t="s">
        <v>101</v>
      </c>
      <c r="B53" s="20"/>
      <c r="C53" s="16">
        <v>8334</v>
      </c>
      <c r="D53" s="17">
        <v>4326</v>
      </c>
      <c r="E53" s="17">
        <v>4008</v>
      </c>
      <c r="F53" s="17"/>
      <c r="G53" s="21" t="s">
        <v>102</v>
      </c>
      <c r="H53" s="20"/>
      <c r="I53" s="16">
        <v>1363</v>
      </c>
      <c r="J53" s="17">
        <v>386</v>
      </c>
      <c r="K53" s="17">
        <v>977</v>
      </c>
    </row>
    <row r="54" spans="1:11" ht="15" customHeight="1">
      <c r="A54" s="20" t="s">
        <v>103</v>
      </c>
      <c r="B54" s="20"/>
      <c r="C54" s="16">
        <v>1544</v>
      </c>
      <c r="D54" s="22">
        <v>801</v>
      </c>
      <c r="E54" s="22">
        <v>743</v>
      </c>
      <c r="F54" s="22"/>
      <c r="G54" s="21" t="s">
        <v>104</v>
      </c>
      <c r="H54" s="20"/>
      <c r="I54" s="16">
        <v>392</v>
      </c>
      <c r="J54" s="22">
        <v>120</v>
      </c>
      <c r="K54" s="22">
        <v>272</v>
      </c>
    </row>
    <row r="55" spans="1:11" ht="15" customHeight="1">
      <c r="A55" s="20" t="s">
        <v>105</v>
      </c>
      <c r="B55" s="20"/>
      <c r="C55" s="16">
        <v>1605</v>
      </c>
      <c r="D55" s="22">
        <v>867</v>
      </c>
      <c r="E55" s="22">
        <v>738</v>
      </c>
      <c r="F55" s="22"/>
      <c r="G55" s="21" t="s">
        <v>106</v>
      </c>
      <c r="H55" s="20"/>
      <c r="I55" s="16">
        <v>325</v>
      </c>
      <c r="J55" s="22">
        <v>95</v>
      </c>
      <c r="K55" s="22">
        <v>230</v>
      </c>
    </row>
    <row r="56" spans="1:11" ht="15" customHeight="1">
      <c r="A56" s="20" t="s">
        <v>107</v>
      </c>
      <c r="B56" s="20"/>
      <c r="C56" s="16">
        <v>1661</v>
      </c>
      <c r="D56" s="22">
        <v>842</v>
      </c>
      <c r="E56" s="22">
        <v>819</v>
      </c>
      <c r="F56" s="22"/>
      <c r="G56" s="21" t="s">
        <v>108</v>
      </c>
      <c r="H56" s="20"/>
      <c r="I56" s="16">
        <v>244</v>
      </c>
      <c r="J56" s="22">
        <v>65</v>
      </c>
      <c r="K56" s="22">
        <v>179</v>
      </c>
    </row>
    <row r="57" spans="1:11" ht="15" customHeight="1">
      <c r="A57" s="20" t="s">
        <v>109</v>
      </c>
      <c r="B57" s="20"/>
      <c r="C57" s="16">
        <v>1733</v>
      </c>
      <c r="D57" s="22">
        <v>923</v>
      </c>
      <c r="E57" s="22">
        <v>810</v>
      </c>
      <c r="F57" s="22"/>
      <c r="G57" s="21" t="s">
        <v>110</v>
      </c>
      <c r="H57" s="20"/>
      <c r="I57" s="16">
        <v>237</v>
      </c>
      <c r="J57" s="22">
        <v>66</v>
      </c>
      <c r="K57" s="22">
        <v>171</v>
      </c>
    </row>
    <row r="58" spans="1:11" ht="15" customHeight="1">
      <c r="A58" s="20" t="s">
        <v>111</v>
      </c>
      <c r="B58" s="20"/>
      <c r="C58" s="16">
        <v>1791</v>
      </c>
      <c r="D58" s="22">
        <v>893</v>
      </c>
      <c r="E58" s="22">
        <v>898</v>
      </c>
      <c r="F58" s="22"/>
      <c r="G58" s="21" t="s">
        <v>112</v>
      </c>
      <c r="H58" s="20"/>
      <c r="I58" s="16">
        <v>165</v>
      </c>
      <c r="J58" s="22">
        <v>40</v>
      </c>
      <c r="K58" s="22">
        <v>125</v>
      </c>
    </row>
    <row r="59" spans="1:11" ht="20.100000000000001" customHeight="1">
      <c r="A59" s="20" t="s">
        <v>113</v>
      </c>
      <c r="B59" s="20"/>
      <c r="C59" s="16">
        <v>10560</v>
      </c>
      <c r="D59" s="17">
        <v>5479</v>
      </c>
      <c r="E59" s="17">
        <v>5081</v>
      </c>
      <c r="F59" s="17"/>
      <c r="G59" s="21" t="s">
        <v>114</v>
      </c>
      <c r="H59" s="20"/>
      <c r="I59" s="16">
        <v>362</v>
      </c>
      <c r="J59" s="17">
        <v>78</v>
      </c>
      <c r="K59" s="17">
        <v>284</v>
      </c>
    </row>
    <row r="60" spans="1:11" ht="15" customHeight="1">
      <c r="A60" s="20" t="s">
        <v>115</v>
      </c>
      <c r="B60" s="20"/>
      <c r="C60" s="16">
        <v>1913</v>
      </c>
      <c r="D60" s="22">
        <v>1016</v>
      </c>
      <c r="E60" s="22">
        <v>897</v>
      </c>
      <c r="F60" s="22"/>
      <c r="G60" s="21" t="s">
        <v>116</v>
      </c>
      <c r="H60" s="20"/>
      <c r="I60" s="16">
        <v>146</v>
      </c>
      <c r="J60" s="22">
        <v>32</v>
      </c>
      <c r="K60" s="22">
        <v>114</v>
      </c>
    </row>
    <row r="61" spans="1:11" ht="15" customHeight="1">
      <c r="A61" s="20" t="s">
        <v>117</v>
      </c>
      <c r="B61" s="20"/>
      <c r="C61" s="16">
        <v>2023</v>
      </c>
      <c r="D61" s="22">
        <v>1013</v>
      </c>
      <c r="E61" s="22">
        <v>1010</v>
      </c>
      <c r="F61" s="22"/>
      <c r="G61" s="21" t="s">
        <v>118</v>
      </c>
      <c r="H61" s="20"/>
      <c r="I61" s="16">
        <v>73</v>
      </c>
      <c r="J61" s="22">
        <v>21</v>
      </c>
      <c r="K61" s="22">
        <v>52</v>
      </c>
    </row>
    <row r="62" spans="1:11" ht="15" customHeight="1">
      <c r="A62" s="20" t="s">
        <v>119</v>
      </c>
      <c r="B62" s="20"/>
      <c r="C62" s="16">
        <v>2074</v>
      </c>
      <c r="D62" s="22">
        <v>1097</v>
      </c>
      <c r="E62" s="22">
        <v>977</v>
      </c>
      <c r="F62" s="22"/>
      <c r="G62" s="21" t="s">
        <v>120</v>
      </c>
      <c r="H62" s="20"/>
      <c r="I62" s="16">
        <v>57</v>
      </c>
      <c r="J62" s="22">
        <v>7</v>
      </c>
      <c r="K62" s="22">
        <v>50</v>
      </c>
    </row>
    <row r="63" spans="1:11" ht="15" customHeight="1">
      <c r="A63" s="20" t="s">
        <v>121</v>
      </c>
      <c r="B63" s="20"/>
      <c r="C63" s="16">
        <v>2208</v>
      </c>
      <c r="D63" s="22">
        <v>1145</v>
      </c>
      <c r="E63" s="22">
        <v>1063</v>
      </c>
      <c r="F63" s="22"/>
      <c r="G63" s="21" t="s">
        <v>122</v>
      </c>
      <c r="H63" s="20"/>
      <c r="I63" s="16">
        <v>47</v>
      </c>
      <c r="J63" s="22">
        <v>11</v>
      </c>
      <c r="K63" s="22">
        <v>36</v>
      </c>
    </row>
    <row r="64" spans="1:11" ht="15" customHeight="1">
      <c r="A64" s="20" t="s">
        <v>123</v>
      </c>
      <c r="B64" s="20"/>
      <c r="C64" s="16">
        <v>2342</v>
      </c>
      <c r="D64" s="22">
        <v>1208</v>
      </c>
      <c r="E64" s="22">
        <v>1134</v>
      </c>
      <c r="F64" s="22"/>
      <c r="G64" s="21" t="s">
        <v>124</v>
      </c>
      <c r="H64" s="20"/>
      <c r="I64" s="16">
        <v>39</v>
      </c>
      <c r="J64" s="22">
        <v>7</v>
      </c>
      <c r="K64" s="22">
        <v>32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45</v>
      </c>
      <c r="J65" s="22">
        <v>12</v>
      </c>
      <c r="K65" s="22">
        <v>33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3342</v>
      </c>
      <c r="J66" s="32">
        <v>1461</v>
      </c>
      <c r="K66" s="32">
        <v>1881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8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38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83235</v>
      </c>
      <c r="D4" s="17">
        <v>42087</v>
      </c>
      <c r="E4" s="17">
        <v>41148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2816</v>
      </c>
      <c r="D5" s="17">
        <v>1455</v>
      </c>
      <c r="E5" s="17">
        <v>1361</v>
      </c>
      <c r="F5" s="17"/>
      <c r="G5" s="21" t="s">
        <v>6</v>
      </c>
      <c r="H5" s="20"/>
      <c r="I5" s="16">
        <v>7012</v>
      </c>
      <c r="J5" s="17">
        <v>3786</v>
      </c>
      <c r="K5" s="17">
        <v>3226</v>
      </c>
    </row>
    <row r="6" spans="1:11" ht="15" customHeight="1">
      <c r="A6" s="20" t="s">
        <v>7</v>
      </c>
      <c r="B6" s="20"/>
      <c r="C6" s="16">
        <v>498</v>
      </c>
      <c r="D6" s="22">
        <v>235</v>
      </c>
      <c r="E6" s="22">
        <v>263</v>
      </c>
      <c r="F6" s="22"/>
      <c r="G6" s="21" t="s">
        <v>8</v>
      </c>
      <c r="H6" s="20"/>
      <c r="I6" s="16">
        <v>1500</v>
      </c>
      <c r="J6" s="22">
        <v>829</v>
      </c>
      <c r="K6" s="22">
        <v>671</v>
      </c>
    </row>
    <row r="7" spans="1:11" ht="15" customHeight="1">
      <c r="A7" s="20" t="s">
        <v>9</v>
      </c>
      <c r="B7" s="20"/>
      <c r="C7" s="16">
        <v>604</v>
      </c>
      <c r="D7" s="22">
        <v>306</v>
      </c>
      <c r="E7" s="22">
        <v>298</v>
      </c>
      <c r="F7" s="22"/>
      <c r="G7" s="21" t="s">
        <v>10</v>
      </c>
      <c r="H7" s="20"/>
      <c r="I7" s="16">
        <v>1476</v>
      </c>
      <c r="J7" s="22">
        <v>774</v>
      </c>
      <c r="K7" s="22">
        <v>702</v>
      </c>
    </row>
    <row r="8" spans="1:11" ht="15" customHeight="1">
      <c r="A8" s="20" t="s">
        <v>11</v>
      </c>
      <c r="B8" s="20"/>
      <c r="C8" s="16">
        <v>540</v>
      </c>
      <c r="D8" s="22">
        <v>296</v>
      </c>
      <c r="E8" s="22">
        <v>244</v>
      </c>
      <c r="F8" s="22"/>
      <c r="G8" s="21" t="s">
        <v>12</v>
      </c>
      <c r="H8" s="20"/>
      <c r="I8" s="16">
        <v>1398</v>
      </c>
      <c r="J8" s="22">
        <v>754</v>
      </c>
      <c r="K8" s="22">
        <v>644</v>
      </c>
    </row>
    <row r="9" spans="1:11" ht="15" customHeight="1">
      <c r="A9" s="20" t="s">
        <v>13</v>
      </c>
      <c r="B9" s="20"/>
      <c r="C9" s="16">
        <v>566</v>
      </c>
      <c r="D9" s="22">
        <v>291</v>
      </c>
      <c r="E9" s="22">
        <v>275</v>
      </c>
      <c r="F9" s="22"/>
      <c r="G9" s="21" t="s">
        <v>14</v>
      </c>
      <c r="H9" s="20"/>
      <c r="I9" s="16">
        <v>1298</v>
      </c>
      <c r="J9" s="22">
        <v>703</v>
      </c>
      <c r="K9" s="22">
        <v>595</v>
      </c>
    </row>
    <row r="10" spans="1:11" ht="15" customHeight="1">
      <c r="A10" s="20" t="s">
        <v>15</v>
      </c>
      <c r="B10" s="20"/>
      <c r="C10" s="16">
        <v>608</v>
      </c>
      <c r="D10" s="22">
        <v>327</v>
      </c>
      <c r="E10" s="22">
        <v>281</v>
      </c>
      <c r="F10" s="22"/>
      <c r="G10" s="21" t="s">
        <v>16</v>
      </c>
      <c r="H10" s="20"/>
      <c r="I10" s="16">
        <v>1340</v>
      </c>
      <c r="J10" s="22">
        <v>726</v>
      </c>
      <c r="K10" s="22">
        <v>614</v>
      </c>
    </row>
    <row r="11" spans="1:11" ht="20.100000000000001" customHeight="1">
      <c r="A11" s="20" t="s">
        <v>17</v>
      </c>
      <c r="B11" s="20"/>
      <c r="C11" s="16">
        <v>3517</v>
      </c>
      <c r="D11" s="17">
        <v>1790</v>
      </c>
      <c r="E11" s="17">
        <v>1727</v>
      </c>
      <c r="F11" s="17"/>
      <c r="G11" s="21" t="s">
        <v>18</v>
      </c>
      <c r="H11" s="20"/>
      <c r="I11" s="16">
        <v>5083</v>
      </c>
      <c r="J11" s="17">
        <v>2713</v>
      </c>
      <c r="K11" s="17">
        <v>2370</v>
      </c>
    </row>
    <row r="12" spans="1:11" ht="15" customHeight="1">
      <c r="A12" s="20" t="s">
        <v>19</v>
      </c>
      <c r="B12" s="20"/>
      <c r="C12" s="16">
        <v>625</v>
      </c>
      <c r="D12" s="22">
        <v>342</v>
      </c>
      <c r="E12" s="22">
        <v>283</v>
      </c>
      <c r="F12" s="22"/>
      <c r="G12" s="21" t="s">
        <v>20</v>
      </c>
      <c r="H12" s="20"/>
      <c r="I12" s="16">
        <v>1272</v>
      </c>
      <c r="J12" s="22">
        <v>686</v>
      </c>
      <c r="K12" s="22">
        <v>586</v>
      </c>
    </row>
    <row r="13" spans="1:11" ht="15" customHeight="1">
      <c r="A13" s="20" t="s">
        <v>21</v>
      </c>
      <c r="B13" s="20"/>
      <c r="C13" s="16">
        <v>670</v>
      </c>
      <c r="D13" s="22">
        <v>337</v>
      </c>
      <c r="E13" s="22">
        <v>333</v>
      </c>
      <c r="F13" s="22"/>
      <c r="G13" s="21" t="s">
        <v>22</v>
      </c>
      <c r="H13" s="20"/>
      <c r="I13" s="16">
        <v>914</v>
      </c>
      <c r="J13" s="22">
        <v>496</v>
      </c>
      <c r="K13" s="22">
        <v>418</v>
      </c>
    </row>
    <row r="14" spans="1:11" ht="15" customHeight="1">
      <c r="A14" s="20" t="s">
        <v>23</v>
      </c>
      <c r="B14" s="20"/>
      <c r="C14" s="16">
        <v>720</v>
      </c>
      <c r="D14" s="22">
        <v>382</v>
      </c>
      <c r="E14" s="22">
        <v>338</v>
      </c>
      <c r="F14" s="22"/>
      <c r="G14" s="21" t="s">
        <v>24</v>
      </c>
      <c r="H14" s="20"/>
      <c r="I14" s="16">
        <v>1064</v>
      </c>
      <c r="J14" s="22">
        <v>560</v>
      </c>
      <c r="K14" s="22">
        <v>504</v>
      </c>
    </row>
    <row r="15" spans="1:11" ht="15" customHeight="1">
      <c r="A15" s="20" t="s">
        <v>25</v>
      </c>
      <c r="B15" s="20"/>
      <c r="C15" s="16">
        <v>748</v>
      </c>
      <c r="D15" s="22">
        <v>356</v>
      </c>
      <c r="E15" s="22">
        <v>392</v>
      </c>
      <c r="F15" s="22"/>
      <c r="G15" s="21" t="s">
        <v>26</v>
      </c>
      <c r="H15" s="20"/>
      <c r="I15" s="16">
        <v>944</v>
      </c>
      <c r="J15" s="22">
        <v>530</v>
      </c>
      <c r="K15" s="22">
        <v>414</v>
      </c>
    </row>
    <row r="16" spans="1:11" ht="15" customHeight="1">
      <c r="A16" s="20" t="s">
        <v>27</v>
      </c>
      <c r="B16" s="20"/>
      <c r="C16" s="16">
        <v>754</v>
      </c>
      <c r="D16" s="22">
        <v>373</v>
      </c>
      <c r="E16" s="22">
        <v>381</v>
      </c>
      <c r="F16" s="22"/>
      <c r="G16" s="21" t="s">
        <v>28</v>
      </c>
      <c r="H16" s="20"/>
      <c r="I16" s="16">
        <v>889</v>
      </c>
      <c r="J16" s="22">
        <v>441</v>
      </c>
      <c r="K16" s="22">
        <v>448</v>
      </c>
    </row>
    <row r="17" spans="1:11" ht="20.100000000000001" customHeight="1">
      <c r="A17" s="24" t="s">
        <v>29</v>
      </c>
      <c r="B17" s="24"/>
      <c r="C17" s="16">
        <v>4059</v>
      </c>
      <c r="D17" s="17">
        <v>2056</v>
      </c>
      <c r="E17" s="17">
        <v>2003</v>
      </c>
      <c r="F17" s="17"/>
      <c r="G17" s="21" t="s">
        <v>30</v>
      </c>
      <c r="H17" s="20"/>
      <c r="I17" s="16">
        <v>3961</v>
      </c>
      <c r="J17" s="17">
        <v>2083</v>
      </c>
      <c r="K17" s="17">
        <v>1878</v>
      </c>
    </row>
    <row r="18" spans="1:11" ht="15" customHeight="1">
      <c r="A18" s="20" t="s">
        <v>31</v>
      </c>
      <c r="B18" s="20"/>
      <c r="C18" s="16">
        <v>762</v>
      </c>
      <c r="D18" s="22">
        <v>380</v>
      </c>
      <c r="E18" s="22">
        <v>382</v>
      </c>
      <c r="F18" s="22"/>
      <c r="G18" s="21" t="s">
        <v>32</v>
      </c>
      <c r="H18" s="20"/>
      <c r="I18" s="16">
        <v>852</v>
      </c>
      <c r="J18" s="22">
        <v>500</v>
      </c>
      <c r="K18" s="22">
        <v>352</v>
      </c>
    </row>
    <row r="19" spans="1:11" ht="15" customHeight="1">
      <c r="A19" s="20" t="s">
        <v>33</v>
      </c>
      <c r="B19" s="20"/>
      <c r="C19" s="16">
        <v>783</v>
      </c>
      <c r="D19" s="22">
        <v>402</v>
      </c>
      <c r="E19" s="22">
        <v>381</v>
      </c>
      <c r="F19" s="22"/>
      <c r="G19" s="21" t="s">
        <v>34</v>
      </c>
      <c r="H19" s="20"/>
      <c r="I19" s="16">
        <v>801</v>
      </c>
      <c r="J19" s="22">
        <v>437</v>
      </c>
      <c r="K19" s="22">
        <v>364</v>
      </c>
    </row>
    <row r="20" spans="1:11" ht="15" customHeight="1">
      <c r="A20" s="20" t="s">
        <v>35</v>
      </c>
      <c r="B20" s="20"/>
      <c r="C20" s="16">
        <v>873</v>
      </c>
      <c r="D20" s="22">
        <v>466</v>
      </c>
      <c r="E20" s="22">
        <v>407</v>
      </c>
      <c r="F20" s="22"/>
      <c r="G20" s="21" t="s">
        <v>36</v>
      </c>
      <c r="H20" s="20"/>
      <c r="I20" s="16">
        <v>754</v>
      </c>
      <c r="J20" s="22">
        <v>392</v>
      </c>
      <c r="K20" s="22">
        <v>362</v>
      </c>
    </row>
    <row r="21" spans="1:11" ht="15" customHeight="1">
      <c r="A21" s="20" t="s">
        <v>37</v>
      </c>
      <c r="B21" s="20"/>
      <c r="C21" s="16">
        <v>770</v>
      </c>
      <c r="D21" s="22">
        <v>384</v>
      </c>
      <c r="E21" s="22">
        <v>386</v>
      </c>
      <c r="F21" s="22"/>
      <c r="G21" s="21" t="s">
        <v>38</v>
      </c>
      <c r="H21" s="20"/>
      <c r="I21" s="16">
        <v>792</v>
      </c>
      <c r="J21" s="22">
        <v>394</v>
      </c>
      <c r="K21" s="22">
        <v>398</v>
      </c>
    </row>
    <row r="22" spans="1:11" ht="15" customHeight="1">
      <c r="A22" s="20" t="s">
        <v>39</v>
      </c>
      <c r="B22" s="20"/>
      <c r="C22" s="16">
        <v>871</v>
      </c>
      <c r="D22" s="22">
        <v>424</v>
      </c>
      <c r="E22" s="22">
        <v>447</v>
      </c>
      <c r="F22" s="22"/>
      <c r="G22" s="21" t="s">
        <v>40</v>
      </c>
      <c r="H22" s="20"/>
      <c r="I22" s="16">
        <v>762</v>
      </c>
      <c r="J22" s="22">
        <v>360</v>
      </c>
      <c r="K22" s="22">
        <v>402</v>
      </c>
    </row>
    <row r="23" spans="1:11" ht="20.100000000000001" customHeight="1">
      <c r="A23" s="20" t="s">
        <v>41</v>
      </c>
      <c r="B23" s="20"/>
      <c r="C23" s="16">
        <v>4071</v>
      </c>
      <c r="D23" s="17">
        <v>2060</v>
      </c>
      <c r="E23" s="17">
        <v>2011</v>
      </c>
      <c r="F23" s="17"/>
      <c r="G23" s="21" t="s">
        <v>42</v>
      </c>
      <c r="H23" s="20"/>
      <c r="I23" s="16">
        <v>4048</v>
      </c>
      <c r="J23" s="17">
        <v>1957</v>
      </c>
      <c r="K23" s="17">
        <v>2091</v>
      </c>
    </row>
    <row r="24" spans="1:11" ht="15" customHeight="1">
      <c r="A24" s="20" t="s">
        <v>43</v>
      </c>
      <c r="B24" s="20"/>
      <c r="C24" s="16">
        <v>803</v>
      </c>
      <c r="D24" s="22">
        <v>412</v>
      </c>
      <c r="E24" s="22">
        <v>391</v>
      </c>
      <c r="F24" s="22"/>
      <c r="G24" s="21" t="s">
        <v>44</v>
      </c>
      <c r="H24" s="20"/>
      <c r="I24" s="16">
        <v>731</v>
      </c>
      <c r="J24" s="22">
        <v>369</v>
      </c>
      <c r="K24" s="22">
        <v>362</v>
      </c>
    </row>
    <row r="25" spans="1:11" ht="15" customHeight="1">
      <c r="A25" s="20" t="s">
        <v>45</v>
      </c>
      <c r="B25" s="20"/>
      <c r="C25" s="16">
        <v>807</v>
      </c>
      <c r="D25" s="22">
        <v>410</v>
      </c>
      <c r="E25" s="22">
        <v>397</v>
      </c>
      <c r="F25" s="22"/>
      <c r="G25" s="21" t="s">
        <v>46</v>
      </c>
      <c r="H25" s="20"/>
      <c r="I25" s="16">
        <v>809</v>
      </c>
      <c r="J25" s="22">
        <v>407</v>
      </c>
      <c r="K25" s="22">
        <v>402</v>
      </c>
    </row>
    <row r="26" spans="1:11" ht="15" customHeight="1">
      <c r="A26" s="20" t="s">
        <v>47</v>
      </c>
      <c r="B26" s="20"/>
      <c r="C26" s="16">
        <v>789</v>
      </c>
      <c r="D26" s="22">
        <v>433</v>
      </c>
      <c r="E26" s="22">
        <v>356</v>
      </c>
      <c r="F26" s="22"/>
      <c r="G26" s="21" t="s">
        <v>48</v>
      </c>
      <c r="H26" s="20"/>
      <c r="I26" s="16">
        <v>805</v>
      </c>
      <c r="J26" s="22">
        <v>375</v>
      </c>
      <c r="K26" s="22">
        <v>430</v>
      </c>
    </row>
    <row r="27" spans="1:11" ht="15" customHeight="1">
      <c r="A27" s="20" t="s">
        <v>49</v>
      </c>
      <c r="B27" s="20"/>
      <c r="C27" s="16">
        <v>849</v>
      </c>
      <c r="D27" s="22">
        <v>407</v>
      </c>
      <c r="E27" s="22">
        <v>442</v>
      </c>
      <c r="F27" s="22"/>
      <c r="G27" s="21" t="s">
        <v>50</v>
      </c>
      <c r="H27" s="20"/>
      <c r="I27" s="16">
        <v>810</v>
      </c>
      <c r="J27" s="22">
        <v>409</v>
      </c>
      <c r="K27" s="22">
        <v>401</v>
      </c>
    </row>
    <row r="28" spans="1:11" ht="15" customHeight="1">
      <c r="A28" s="20" t="s">
        <v>51</v>
      </c>
      <c r="B28" s="20"/>
      <c r="C28" s="16">
        <v>823</v>
      </c>
      <c r="D28" s="22">
        <v>398</v>
      </c>
      <c r="E28" s="22">
        <v>425</v>
      </c>
      <c r="F28" s="22"/>
      <c r="G28" s="21" t="s">
        <v>52</v>
      </c>
      <c r="H28" s="20"/>
      <c r="I28" s="16">
        <v>893</v>
      </c>
      <c r="J28" s="22">
        <v>397</v>
      </c>
      <c r="K28" s="22">
        <v>496</v>
      </c>
    </row>
    <row r="29" spans="1:11" ht="20.100000000000001" customHeight="1">
      <c r="A29" s="20" t="s">
        <v>53</v>
      </c>
      <c r="B29" s="20"/>
      <c r="C29" s="16">
        <v>4026</v>
      </c>
      <c r="D29" s="17">
        <v>2086</v>
      </c>
      <c r="E29" s="17">
        <v>1940</v>
      </c>
      <c r="F29" s="17"/>
      <c r="G29" s="21" t="s">
        <v>54</v>
      </c>
      <c r="H29" s="20"/>
      <c r="I29" s="16">
        <v>5905</v>
      </c>
      <c r="J29" s="17">
        <v>2749</v>
      </c>
      <c r="K29" s="17">
        <v>3156</v>
      </c>
    </row>
    <row r="30" spans="1:11" ht="15" customHeight="1">
      <c r="A30" s="20" t="s">
        <v>55</v>
      </c>
      <c r="B30" s="20"/>
      <c r="C30" s="16">
        <v>802</v>
      </c>
      <c r="D30" s="22">
        <v>389</v>
      </c>
      <c r="E30" s="22">
        <v>413</v>
      </c>
      <c r="F30" s="22"/>
      <c r="G30" s="21" t="s">
        <v>56</v>
      </c>
      <c r="H30" s="20"/>
      <c r="I30" s="16">
        <v>937</v>
      </c>
      <c r="J30" s="22">
        <v>480</v>
      </c>
      <c r="K30" s="22">
        <v>457</v>
      </c>
    </row>
    <row r="31" spans="1:11" ht="15" customHeight="1">
      <c r="A31" s="20" t="s">
        <v>57</v>
      </c>
      <c r="B31" s="20"/>
      <c r="C31" s="16">
        <v>804</v>
      </c>
      <c r="D31" s="22">
        <v>388</v>
      </c>
      <c r="E31" s="22">
        <v>416</v>
      </c>
      <c r="F31" s="22"/>
      <c r="G31" s="21" t="s">
        <v>58</v>
      </c>
      <c r="H31" s="20"/>
      <c r="I31" s="16">
        <v>1066</v>
      </c>
      <c r="J31" s="22">
        <v>490</v>
      </c>
      <c r="K31" s="22">
        <v>576</v>
      </c>
    </row>
    <row r="32" spans="1:11" ht="15" customHeight="1">
      <c r="A32" s="20" t="s">
        <v>59</v>
      </c>
      <c r="B32" s="20"/>
      <c r="C32" s="16">
        <v>837</v>
      </c>
      <c r="D32" s="22">
        <v>457</v>
      </c>
      <c r="E32" s="22">
        <v>380</v>
      </c>
      <c r="F32" s="22"/>
      <c r="G32" s="21" t="s">
        <v>60</v>
      </c>
      <c r="H32" s="20"/>
      <c r="I32" s="16">
        <v>1235</v>
      </c>
      <c r="J32" s="22">
        <v>573</v>
      </c>
      <c r="K32" s="22">
        <v>662</v>
      </c>
    </row>
    <row r="33" spans="1:11" ht="15" customHeight="1">
      <c r="A33" s="20" t="s">
        <v>61</v>
      </c>
      <c r="B33" s="20"/>
      <c r="C33" s="16">
        <v>739</v>
      </c>
      <c r="D33" s="22">
        <v>402</v>
      </c>
      <c r="E33" s="22">
        <v>337</v>
      </c>
      <c r="F33" s="22"/>
      <c r="G33" s="21" t="s">
        <v>62</v>
      </c>
      <c r="H33" s="20"/>
      <c r="I33" s="16">
        <v>1362</v>
      </c>
      <c r="J33" s="22">
        <v>619</v>
      </c>
      <c r="K33" s="22">
        <v>743</v>
      </c>
    </row>
    <row r="34" spans="1:11" ht="15" customHeight="1">
      <c r="A34" s="20" t="s">
        <v>63</v>
      </c>
      <c r="B34" s="20"/>
      <c r="C34" s="16">
        <v>844</v>
      </c>
      <c r="D34" s="22">
        <v>450</v>
      </c>
      <c r="E34" s="22">
        <v>394</v>
      </c>
      <c r="F34" s="22"/>
      <c r="G34" s="21" t="s">
        <v>64</v>
      </c>
      <c r="H34" s="20"/>
      <c r="I34" s="16">
        <v>1305</v>
      </c>
      <c r="J34" s="22">
        <v>587</v>
      </c>
      <c r="K34" s="22">
        <v>718</v>
      </c>
    </row>
    <row r="35" spans="1:11" ht="20.100000000000001" customHeight="1">
      <c r="A35" s="20" t="s">
        <v>65</v>
      </c>
      <c r="B35" s="20"/>
      <c r="C35" s="16">
        <v>3858</v>
      </c>
      <c r="D35" s="17">
        <v>2122</v>
      </c>
      <c r="E35" s="17">
        <v>1736</v>
      </c>
      <c r="F35" s="17"/>
      <c r="G35" s="21" t="s">
        <v>66</v>
      </c>
      <c r="H35" s="20"/>
      <c r="I35" s="16">
        <v>5399</v>
      </c>
      <c r="J35" s="17">
        <v>2408</v>
      </c>
      <c r="K35" s="17">
        <v>2991</v>
      </c>
    </row>
    <row r="36" spans="1:11" ht="15" customHeight="1">
      <c r="A36" s="20" t="s">
        <v>67</v>
      </c>
      <c r="B36" s="20"/>
      <c r="C36" s="16">
        <v>814</v>
      </c>
      <c r="D36" s="22">
        <v>472</v>
      </c>
      <c r="E36" s="22">
        <v>342</v>
      </c>
      <c r="F36" s="22"/>
      <c r="G36" s="21" t="s">
        <v>68</v>
      </c>
      <c r="H36" s="20"/>
      <c r="I36" s="16">
        <v>1307</v>
      </c>
      <c r="J36" s="22">
        <v>578</v>
      </c>
      <c r="K36" s="22">
        <v>729</v>
      </c>
    </row>
    <row r="37" spans="1:11" ht="15" customHeight="1">
      <c r="A37" s="20" t="s">
        <v>69</v>
      </c>
      <c r="B37" s="20"/>
      <c r="C37" s="16">
        <v>718</v>
      </c>
      <c r="D37" s="22">
        <v>385</v>
      </c>
      <c r="E37" s="22">
        <v>333</v>
      </c>
      <c r="F37" s="22"/>
      <c r="G37" s="21" t="s">
        <v>70</v>
      </c>
      <c r="H37" s="20"/>
      <c r="I37" s="16">
        <v>974</v>
      </c>
      <c r="J37" s="22">
        <v>451</v>
      </c>
      <c r="K37" s="22">
        <v>523</v>
      </c>
    </row>
    <row r="38" spans="1:11" ht="15" customHeight="1">
      <c r="A38" s="20" t="s">
        <v>71</v>
      </c>
      <c r="B38" s="20"/>
      <c r="C38" s="16">
        <v>821</v>
      </c>
      <c r="D38" s="22">
        <v>429</v>
      </c>
      <c r="E38" s="22">
        <v>392</v>
      </c>
      <c r="F38" s="22"/>
      <c r="G38" s="21" t="s">
        <v>72</v>
      </c>
      <c r="H38" s="20"/>
      <c r="I38" s="16">
        <v>886</v>
      </c>
      <c r="J38" s="22">
        <v>385</v>
      </c>
      <c r="K38" s="22">
        <v>501</v>
      </c>
    </row>
    <row r="39" spans="1:11" ht="15" customHeight="1">
      <c r="A39" s="20" t="s">
        <v>73</v>
      </c>
      <c r="B39" s="20"/>
      <c r="C39" s="16">
        <v>725</v>
      </c>
      <c r="D39" s="22">
        <v>396</v>
      </c>
      <c r="E39" s="22">
        <v>329</v>
      </c>
      <c r="F39" s="22"/>
      <c r="G39" s="21" t="s">
        <v>74</v>
      </c>
      <c r="H39" s="20"/>
      <c r="I39" s="16">
        <v>1126</v>
      </c>
      <c r="J39" s="22">
        <v>487</v>
      </c>
      <c r="K39" s="22">
        <v>639</v>
      </c>
    </row>
    <row r="40" spans="1:11" ht="15" customHeight="1">
      <c r="A40" s="20" t="s">
        <v>75</v>
      </c>
      <c r="B40" s="20"/>
      <c r="C40" s="16">
        <v>780</v>
      </c>
      <c r="D40" s="22">
        <v>440</v>
      </c>
      <c r="E40" s="22">
        <v>340</v>
      </c>
      <c r="F40" s="22"/>
      <c r="G40" s="21" t="s">
        <v>76</v>
      </c>
      <c r="H40" s="20"/>
      <c r="I40" s="16">
        <v>1106</v>
      </c>
      <c r="J40" s="22">
        <v>507</v>
      </c>
      <c r="K40" s="22">
        <v>599</v>
      </c>
    </row>
    <row r="41" spans="1:11" ht="20.100000000000001" customHeight="1">
      <c r="A41" s="20" t="s">
        <v>77</v>
      </c>
      <c r="B41" s="20"/>
      <c r="C41" s="16">
        <v>4103</v>
      </c>
      <c r="D41" s="17">
        <v>2264</v>
      </c>
      <c r="E41" s="17">
        <v>1839</v>
      </c>
      <c r="F41" s="17"/>
      <c r="G41" s="21" t="s">
        <v>78</v>
      </c>
      <c r="H41" s="20"/>
      <c r="I41" s="16">
        <v>4335</v>
      </c>
      <c r="J41" s="17">
        <v>2030</v>
      </c>
      <c r="K41" s="17">
        <v>2305</v>
      </c>
    </row>
    <row r="42" spans="1:11" ht="15" customHeight="1">
      <c r="A42" s="20" t="s">
        <v>79</v>
      </c>
      <c r="B42" s="20"/>
      <c r="C42" s="16">
        <v>785</v>
      </c>
      <c r="D42" s="22">
        <v>435</v>
      </c>
      <c r="E42" s="22">
        <v>350</v>
      </c>
      <c r="F42" s="22"/>
      <c r="G42" s="21" t="s">
        <v>80</v>
      </c>
      <c r="H42" s="20"/>
      <c r="I42" s="16">
        <v>1088</v>
      </c>
      <c r="J42" s="22">
        <v>513</v>
      </c>
      <c r="K42" s="22">
        <v>575</v>
      </c>
    </row>
    <row r="43" spans="1:11" ht="15" customHeight="1">
      <c r="A43" s="20" t="s">
        <v>81</v>
      </c>
      <c r="B43" s="20"/>
      <c r="C43" s="16">
        <v>806</v>
      </c>
      <c r="D43" s="22">
        <v>451</v>
      </c>
      <c r="E43" s="22">
        <v>355</v>
      </c>
      <c r="F43" s="22"/>
      <c r="G43" s="21" t="s">
        <v>82</v>
      </c>
      <c r="H43" s="20"/>
      <c r="I43" s="16">
        <v>978</v>
      </c>
      <c r="J43" s="22">
        <v>449</v>
      </c>
      <c r="K43" s="22">
        <v>529</v>
      </c>
    </row>
    <row r="44" spans="1:11" ht="15" customHeight="1">
      <c r="A44" s="20" t="s">
        <v>83</v>
      </c>
      <c r="B44" s="20"/>
      <c r="C44" s="16">
        <v>798</v>
      </c>
      <c r="D44" s="22">
        <v>440</v>
      </c>
      <c r="E44" s="22">
        <v>358</v>
      </c>
      <c r="F44" s="22"/>
      <c r="G44" s="21" t="s">
        <v>84</v>
      </c>
      <c r="H44" s="20"/>
      <c r="I44" s="16">
        <v>883</v>
      </c>
      <c r="J44" s="22">
        <v>410</v>
      </c>
      <c r="K44" s="22">
        <v>473</v>
      </c>
    </row>
    <row r="45" spans="1:11" ht="15" customHeight="1">
      <c r="A45" s="20" t="s">
        <v>85</v>
      </c>
      <c r="B45" s="20"/>
      <c r="C45" s="16">
        <v>801</v>
      </c>
      <c r="D45" s="22">
        <v>443</v>
      </c>
      <c r="E45" s="22">
        <v>358</v>
      </c>
      <c r="F45" s="22"/>
      <c r="G45" s="21" t="s">
        <v>86</v>
      </c>
      <c r="H45" s="20"/>
      <c r="I45" s="16">
        <v>722</v>
      </c>
      <c r="J45" s="22">
        <v>371</v>
      </c>
      <c r="K45" s="22">
        <v>351</v>
      </c>
    </row>
    <row r="46" spans="1:11" ht="15" customHeight="1">
      <c r="A46" s="20" t="s">
        <v>87</v>
      </c>
      <c r="B46" s="20"/>
      <c r="C46" s="16">
        <v>913</v>
      </c>
      <c r="D46" s="22">
        <v>495</v>
      </c>
      <c r="E46" s="22">
        <v>418</v>
      </c>
      <c r="F46" s="22"/>
      <c r="G46" s="21" t="s">
        <v>88</v>
      </c>
      <c r="H46" s="20"/>
      <c r="I46" s="16">
        <v>664</v>
      </c>
      <c r="J46" s="22">
        <v>287</v>
      </c>
      <c r="K46" s="22">
        <v>377</v>
      </c>
    </row>
    <row r="47" spans="1:11" ht="20.100000000000001" customHeight="1">
      <c r="A47" s="20" t="s">
        <v>89</v>
      </c>
      <c r="B47" s="20"/>
      <c r="C47" s="16">
        <v>4623</v>
      </c>
      <c r="D47" s="17">
        <v>2442</v>
      </c>
      <c r="E47" s="17">
        <v>2181</v>
      </c>
      <c r="F47" s="17"/>
      <c r="G47" s="21" t="s">
        <v>90</v>
      </c>
      <c r="H47" s="20"/>
      <c r="I47" s="16">
        <v>2189</v>
      </c>
      <c r="J47" s="17">
        <v>941</v>
      </c>
      <c r="K47" s="17">
        <v>1248</v>
      </c>
    </row>
    <row r="48" spans="1:11" ht="15" customHeight="1">
      <c r="A48" s="20" t="s">
        <v>91</v>
      </c>
      <c r="B48" s="20"/>
      <c r="C48" s="16">
        <v>846</v>
      </c>
      <c r="D48" s="22">
        <v>439</v>
      </c>
      <c r="E48" s="22">
        <v>407</v>
      </c>
      <c r="F48" s="22"/>
      <c r="G48" s="21" t="s">
        <v>92</v>
      </c>
      <c r="H48" s="20"/>
      <c r="I48" s="16">
        <v>622</v>
      </c>
      <c r="J48" s="22">
        <v>292</v>
      </c>
      <c r="K48" s="22">
        <v>330</v>
      </c>
    </row>
    <row r="49" spans="1:11" ht="15" customHeight="1">
      <c r="A49" s="20" t="s">
        <v>93</v>
      </c>
      <c r="B49" s="20"/>
      <c r="C49" s="16">
        <v>901</v>
      </c>
      <c r="D49" s="22">
        <v>479</v>
      </c>
      <c r="E49" s="22">
        <v>422</v>
      </c>
      <c r="F49" s="22"/>
      <c r="G49" s="21" t="s">
        <v>94</v>
      </c>
      <c r="H49" s="20"/>
      <c r="I49" s="16">
        <v>463</v>
      </c>
      <c r="J49" s="22">
        <v>200</v>
      </c>
      <c r="K49" s="22">
        <v>263</v>
      </c>
    </row>
    <row r="50" spans="1:11" ht="15" customHeight="1">
      <c r="A50" s="20" t="s">
        <v>95</v>
      </c>
      <c r="B50" s="20"/>
      <c r="C50" s="16">
        <v>958</v>
      </c>
      <c r="D50" s="22">
        <v>497</v>
      </c>
      <c r="E50" s="22">
        <v>461</v>
      </c>
      <c r="F50" s="22"/>
      <c r="G50" s="21" t="s">
        <v>96</v>
      </c>
      <c r="H50" s="20"/>
      <c r="I50" s="16">
        <v>457</v>
      </c>
      <c r="J50" s="22">
        <v>203</v>
      </c>
      <c r="K50" s="22">
        <v>254</v>
      </c>
    </row>
    <row r="51" spans="1:11" ht="15" customHeight="1">
      <c r="A51" s="20" t="s">
        <v>97</v>
      </c>
      <c r="B51" s="20"/>
      <c r="C51" s="16">
        <v>919</v>
      </c>
      <c r="D51" s="22">
        <v>488</v>
      </c>
      <c r="E51" s="22">
        <v>431</v>
      </c>
      <c r="F51" s="22"/>
      <c r="G51" s="21" t="s">
        <v>98</v>
      </c>
      <c r="H51" s="20"/>
      <c r="I51" s="16">
        <v>363</v>
      </c>
      <c r="J51" s="22">
        <v>142</v>
      </c>
      <c r="K51" s="22">
        <v>221</v>
      </c>
    </row>
    <row r="52" spans="1:11" ht="15" customHeight="1">
      <c r="A52" s="20" t="s">
        <v>99</v>
      </c>
      <c r="B52" s="20"/>
      <c r="C52" s="16">
        <v>999</v>
      </c>
      <c r="D52" s="22">
        <v>539</v>
      </c>
      <c r="E52" s="22">
        <v>460</v>
      </c>
      <c r="F52" s="22"/>
      <c r="G52" s="21" t="s">
        <v>100</v>
      </c>
      <c r="H52" s="20"/>
      <c r="I52" s="16">
        <v>284</v>
      </c>
      <c r="J52" s="22">
        <v>104</v>
      </c>
      <c r="K52" s="22">
        <v>180</v>
      </c>
    </row>
    <row r="53" spans="1:11" ht="20.100000000000001" customHeight="1">
      <c r="A53" s="20" t="s">
        <v>101</v>
      </c>
      <c r="B53" s="20"/>
      <c r="C53" s="16">
        <v>5280</v>
      </c>
      <c r="D53" s="17">
        <v>2824</v>
      </c>
      <c r="E53" s="17">
        <v>2456</v>
      </c>
      <c r="F53" s="17"/>
      <c r="G53" s="21" t="s">
        <v>102</v>
      </c>
      <c r="H53" s="20"/>
      <c r="I53" s="16">
        <v>835</v>
      </c>
      <c r="J53" s="17">
        <v>267</v>
      </c>
      <c r="K53" s="17">
        <v>568</v>
      </c>
    </row>
    <row r="54" spans="1:11" ht="15" customHeight="1">
      <c r="A54" s="20" t="s">
        <v>103</v>
      </c>
      <c r="B54" s="20"/>
      <c r="C54" s="16">
        <v>922</v>
      </c>
      <c r="D54" s="22">
        <v>473</v>
      </c>
      <c r="E54" s="22">
        <v>449</v>
      </c>
      <c r="F54" s="22"/>
      <c r="G54" s="21" t="s">
        <v>104</v>
      </c>
      <c r="H54" s="20"/>
      <c r="I54" s="16">
        <v>253</v>
      </c>
      <c r="J54" s="22">
        <v>82</v>
      </c>
      <c r="K54" s="22">
        <v>171</v>
      </c>
    </row>
    <row r="55" spans="1:11" ht="15" customHeight="1">
      <c r="A55" s="20" t="s">
        <v>105</v>
      </c>
      <c r="B55" s="20"/>
      <c r="C55" s="16">
        <v>987</v>
      </c>
      <c r="D55" s="22">
        <v>537</v>
      </c>
      <c r="E55" s="22">
        <v>450</v>
      </c>
      <c r="F55" s="22"/>
      <c r="G55" s="21" t="s">
        <v>106</v>
      </c>
      <c r="H55" s="20"/>
      <c r="I55" s="16">
        <v>173</v>
      </c>
      <c r="J55" s="22">
        <v>62</v>
      </c>
      <c r="K55" s="22">
        <v>111</v>
      </c>
    </row>
    <row r="56" spans="1:11" ht="15" customHeight="1">
      <c r="A56" s="20" t="s">
        <v>107</v>
      </c>
      <c r="B56" s="20"/>
      <c r="C56" s="16">
        <v>1034</v>
      </c>
      <c r="D56" s="22">
        <v>550</v>
      </c>
      <c r="E56" s="22">
        <v>484</v>
      </c>
      <c r="F56" s="22"/>
      <c r="G56" s="21" t="s">
        <v>108</v>
      </c>
      <c r="H56" s="20"/>
      <c r="I56" s="16">
        <v>176</v>
      </c>
      <c r="J56" s="22">
        <v>56</v>
      </c>
      <c r="K56" s="22">
        <v>120</v>
      </c>
    </row>
    <row r="57" spans="1:11" ht="15" customHeight="1">
      <c r="A57" s="20" t="s">
        <v>109</v>
      </c>
      <c r="B57" s="20"/>
      <c r="C57" s="16">
        <v>1179</v>
      </c>
      <c r="D57" s="22">
        <v>639</v>
      </c>
      <c r="E57" s="22">
        <v>540</v>
      </c>
      <c r="F57" s="22"/>
      <c r="G57" s="21" t="s">
        <v>110</v>
      </c>
      <c r="H57" s="20"/>
      <c r="I57" s="16">
        <v>141</v>
      </c>
      <c r="J57" s="22">
        <v>37</v>
      </c>
      <c r="K57" s="22">
        <v>104</v>
      </c>
    </row>
    <row r="58" spans="1:11" ht="15" customHeight="1">
      <c r="A58" s="20" t="s">
        <v>111</v>
      </c>
      <c r="B58" s="20"/>
      <c r="C58" s="16">
        <v>1158</v>
      </c>
      <c r="D58" s="22">
        <v>625</v>
      </c>
      <c r="E58" s="22">
        <v>533</v>
      </c>
      <c r="F58" s="22"/>
      <c r="G58" s="21" t="s">
        <v>112</v>
      </c>
      <c r="H58" s="20"/>
      <c r="I58" s="16">
        <v>92</v>
      </c>
      <c r="J58" s="22">
        <v>30</v>
      </c>
      <c r="K58" s="22">
        <v>62</v>
      </c>
    </row>
    <row r="59" spans="1:11" ht="20.100000000000001" customHeight="1">
      <c r="A59" s="20" t="s">
        <v>113</v>
      </c>
      <c r="B59" s="20"/>
      <c r="C59" s="16">
        <v>6818</v>
      </c>
      <c r="D59" s="17">
        <v>3586</v>
      </c>
      <c r="E59" s="17">
        <v>3232</v>
      </c>
      <c r="F59" s="17"/>
      <c r="G59" s="21" t="s">
        <v>114</v>
      </c>
      <c r="H59" s="20"/>
      <c r="I59" s="16">
        <v>245</v>
      </c>
      <c r="J59" s="17">
        <v>47</v>
      </c>
      <c r="K59" s="17">
        <v>198</v>
      </c>
    </row>
    <row r="60" spans="1:11" ht="15" customHeight="1">
      <c r="A60" s="20" t="s">
        <v>115</v>
      </c>
      <c r="B60" s="20"/>
      <c r="C60" s="16">
        <v>1176</v>
      </c>
      <c r="D60" s="22">
        <v>638</v>
      </c>
      <c r="E60" s="22">
        <v>538</v>
      </c>
      <c r="F60" s="22"/>
      <c r="G60" s="21" t="s">
        <v>116</v>
      </c>
      <c r="H60" s="20"/>
      <c r="I60" s="16">
        <v>79</v>
      </c>
      <c r="J60" s="22">
        <v>16</v>
      </c>
      <c r="K60" s="22">
        <v>63</v>
      </c>
    </row>
    <row r="61" spans="1:11" ht="15" customHeight="1">
      <c r="A61" s="20" t="s">
        <v>117</v>
      </c>
      <c r="B61" s="20"/>
      <c r="C61" s="16">
        <v>1306</v>
      </c>
      <c r="D61" s="22">
        <v>705</v>
      </c>
      <c r="E61" s="22">
        <v>601</v>
      </c>
      <c r="F61" s="22"/>
      <c r="G61" s="21" t="s">
        <v>118</v>
      </c>
      <c r="H61" s="20"/>
      <c r="I61" s="16">
        <v>51</v>
      </c>
      <c r="J61" s="22">
        <v>13</v>
      </c>
      <c r="K61" s="22">
        <v>38</v>
      </c>
    </row>
    <row r="62" spans="1:11" ht="15" customHeight="1">
      <c r="A62" s="20" t="s">
        <v>119</v>
      </c>
      <c r="B62" s="20"/>
      <c r="C62" s="16">
        <v>1314</v>
      </c>
      <c r="D62" s="22">
        <v>681</v>
      </c>
      <c r="E62" s="22">
        <v>633</v>
      </c>
      <c r="F62" s="22"/>
      <c r="G62" s="21" t="s">
        <v>120</v>
      </c>
      <c r="H62" s="20"/>
      <c r="I62" s="16">
        <v>48</v>
      </c>
      <c r="J62" s="22">
        <v>14</v>
      </c>
      <c r="K62" s="22">
        <v>34</v>
      </c>
    </row>
    <row r="63" spans="1:11" ht="15" customHeight="1">
      <c r="A63" s="20" t="s">
        <v>121</v>
      </c>
      <c r="B63" s="20"/>
      <c r="C63" s="16">
        <v>1488</v>
      </c>
      <c r="D63" s="22">
        <v>780</v>
      </c>
      <c r="E63" s="22">
        <v>708</v>
      </c>
      <c r="F63" s="22"/>
      <c r="G63" s="21" t="s">
        <v>122</v>
      </c>
      <c r="H63" s="20"/>
      <c r="I63" s="16">
        <v>39</v>
      </c>
      <c r="J63" s="22">
        <v>3</v>
      </c>
      <c r="K63" s="22">
        <v>36</v>
      </c>
    </row>
    <row r="64" spans="1:11" ht="15" customHeight="1">
      <c r="A64" s="20" t="s">
        <v>123</v>
      </c>
      <c r="B64" s="20"/>
      <c r="C64" s="16">
        <v>1534</v>
      </c>
      <c r="D64" s="22">
        <v>782</v>
      </c>
      <c r="E64" s="22">
        <v>752</v>
      </c>
      <c r="F64" s="22"/>
      <c r="G64" s="21" t="s">
        <v>124</v>
      </c>
      <c r="H64" s="20"/>
      <c r="I64" s="16">
        <v>28</v>
      </c>
      <c r="J64" s="22">
        <v>1</v>
      </c>
      <c r="K64" s="22">
        <v>27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51</v>
      </c>
      <c r="J65" s="22">
        <v>6</v>
      </c>
      <c r="K65" s="22">
        <v>45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001</v>
      </c>
      <c r="J66" s="32">
        <v>415</v>
      </c>
      <c r="K66" s="32">
        <v>586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9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39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39403</v>
      </c>
      <c r="D4" s="17">
        <v>20606</v>
      </c>
      <c r="E4" s="17">
        <v>18797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029</v>
      </c>
      <c r="D5" s="17">
        <v>548</v>
      </c>
      <c r="E5" s="17">
        <v>481</v>
      </c>
      <c r="F5" s="17"/>
      <c r="G5" s="21" t="s">
        <v>6</v>
      </c>
      <c r="H5" s="20"/>
      <c r="I5" s="16">
        <v>3286</v>
      </c>
      <c r="J5" s="17">
        <v>1822</v>
      </c>
      <c r="K5" s="17">
        <v>1464</v>
      </c>
    </row>
    <row r="6" spans="1:11" ht="15" customHeight="1">
      <c r="A6" s="20" t="s">
        <v>7</v>
      </c>
      <c r="B6" s="20"/>
      <c r="C6" s="16">
        <v>182</v>
      </c>
      <c r="D6" s="22">
        <v>98</v>
      </c>
      <c r="E6" s="22">
        <v>84</v>
      </c>
      <c r="F6" s="22"/>
      <c r="G6" s="21" t="s">
        <v>8</v>
      </c>
      <c r="H6" s="20"/>
      <c r="I6" s="16">
        <v>707</v>
      </c>
      <c r="J6" s="22">
        <v>389</v>
      </c>
      <c r="K6" s="22">
        <v>318</v>
      </c>
    </row>
    <row r="7" spans="1:11" ht="15" customHeight="1">
      <c r="A7" s="20" t="s">
        <v>9</v>
      </c>
      <c r="B7" s="20"/>
      <c r="C7" s="16">
        <v>199</v>
      </c>
      <c r="D7" s="22">
        <v>107</v>
      </c>
      <c r="E7" s="22">
        <v>92</v>
      </c>
      <c r="F7" s="22"/>
      <c r="G7" s="21" t="s">
        <v>10</v>
      </c>
      <c r="H7" s="20"/>
      <c r="I7" s="16">
        <v>663</v>
      </c>
      <c r="J7" s="22">
        <v>365</v>
      </c>
      <c r="K7" s="22">
        <v>298</v>
      </c>
    </row>
    <row r="8" spans="1:11" ht="15" customHeight="1">
      <c r="A8" s="20" t="s">
        <v>11</v>
      </c>
      <c r="B8" s="20"/>
      <c r="C8" s="16">
        <v>210</v>
      </c>
      <c r="D8" s="22">
        <v>119</v>
      </c>
      <c r="E8" s="22">
        <v>91</v>
      </c>
      <c r="F8" s="22"/>
      <c r="G8" s="21" t="s">
        <v>12</v>
      </c>
      <c r="H8" s="20"/>
      <c r="I8" s="16">
        <v>665</v>
      </c>
      <c r="J8" s="22">
        <v>373</v>
      </c>
      <c r="K8" s="22">
        <v>292</v>
      </c>
    </row>
    <row r="9" spans="1:11" ht="15" customHeight="1">
      <c r="A9" s="20" t="s">
        <v>13</v>
      </c>
      <c r="B9" s="20"/>
      <c r="C9" s="16">
        <v>212</v>
      </c>
      <c r="D9" s="22">
        <v>112</v>
      </c>
      <c r="E9" s="22">
        <v>100</v>
      </c>
      <c r="F9" s="22"/>
      <c r="G9" s="21" t="s">
        <v>14</v>
      </c>
      <c r="H9" s="20"/>
      <c r="I9" s="16">
        <v>622</v>
      </c>
      <c r="J9" s="22">
        <v>346</v>
      </c>
      <c r="K9" s="22">
        <v>276</v>
      </c>
    </row>
    <row r="10" spans="1:11" ht="15" customHeight="1">
      <c r="A10" s="20" t="s">
        <v>15</v>
      </c>
      <c r="B10" s="20"/>
      <c r="C10" s="16">
        <v>226</v>
      </c>
      <c r="D10" s="22">
        <v>112</v>
      </c>
      <c r="E10" s="22">
        <v>114</v>
      </c>
      <c r="F10" s="22"/>
      <c r="G10" s="21" t="s">
        <v>16</v>
      </c>
      <c r="H10" s="20"/>
      <c r="I10" s="16">
        <v>629</v>
      </c>
      <c r="J10" s="22">
        <v>349</v>
      </c>
      <c r="K10" s="22">
        <v>280</v>
      </c>
    </row>
    <row r="11" spans="1:11" ht="20.100000000000001" customHeight="1">
      <c r="A11" s="20" t="s">
        <v>17</v>
      </c>
      <c r="B11" s="20"/>
      <c r="C11" s="16">
        <v>1352</v>
      </c>
      <c r="D11" s="17">
        <v>694</v>
      </c>
      <c r="E11" s="17">
        <v>658</v>
      </c>
      <c r="F11" s="17"/>
      <c r="G11" s="21" t="s">
        <v>18</v>
      </c>
      <c r="H11" s="20"/>
      <c r="I11" s="16">
        <v>2672</v>
      </c>
      <c r="J11" s="17">
        <v>1453</v>
      </c>
      <c r="K11" s="17">
        <v>1219</v>
      </c>
    </row>
    <row r="12" spans="1:11" ht="15" customHeight="1">
      <c r="A12" s="20" t="s">
        <v>19</v>
      </c>
      <c r="B12" s="20"/>
      <c r="C12" s="16">
        <v>248</v>
      </c>
      <c r="D12" s="22">
        <v>133</v>
      </c>
      <c r="E12" s="22">
        <v>115</v>
      </c>
      <c r="F12" s="22"/>
      <c r="G12" s="21" t="s">
        <v>20</v>
      </c>
      <c r="H12" s="20"/>
      <c r="I12" s="16">
        <v>618</v>
      </c>
      <c r="J12" s="22">
        <v>338</v>
      </c>
      <c r="K12" s="22">
        <v>280</v>
      </c>
    </row>
    <row r="13" spans="1:11" ht="15" customHeight="1">
      <c r="A13" s="20" t="s">
        <v>21</v>
      </c>
      <c r="B13" s="20"/>
      <c r="C13" s="16">
        <v>258</v>
      </c>
      <c r="D13" s="22">
        <v>127</v>
      </c>
      <c r="E13" s="22">
        <v>131</v>
      </c>
      <c r="F13" s="22"/>
      <c r="G13" s="21" t="s">
        <v>22</v>
      </c>
      <c r="H13" s="20"/>
      <c r="I13" s="16">
        <v>449</v>
      </c>
      <c r="J13" s="22">
        <v>260</v>
      </c>
      <c r="K13" s="22">
        <v>189</v>
      </c>
    </row>
    <row r="14" spans="1:11" ht="15" customHeight="1">
      <c r="A14" s="20" t="s">
        <v>23</v>
      </c>
      <c r="B14" s="20"/>
      <c r="C14" s="16">
        <v>295</v>
      </c>
      <c r="D14" s="22">
        <v>150</v>
      </c>
      <c r="E14" s="22">
        <v>145</v>
      </c>
      <c r="F14" s="22"/>
      <c r="G14" s="21" t="s">
        <v>24</v>
      </c>
      <c r="H14" s="20"/>
      <c r="I14" s="16">
        <v>566</v>
      </c>
      <c r="J14" s="22">
        <v>285</v>
      </c>
      <c r="K14" s="22">
        <v>281</v>
      </c>
    </row>
    <row r="15" spans="1:11" ht="15" customHeight="1">
      <c r="A15" s="20" t="s">
        <v>25</v>
      </c>
      <c r="B15" s="20"/>
      <c r="C15" s="16">
        <v>265</v>
      </c>
      <c r="D15" s="22">
        <v>131</v>
      </c>
      <c r="E15" s="22">
        <v>134</v>
      </c>
      <c r="F15" s="22"/>
      <c r="G15" s="21" t="s">
        <v>26</v>
      </c>
      <c r="H15" s="20"/>
      <c r="I15" s="16">
        <v>490</v>
      </c>
      <c r="J15" s="22">
        <v>269</v>
      </c>
      <c r="K15" s="22">
        <v>221</v>
      </c>
    </row>
    <row r="16" spans="1:11" ht="15" customHeight="1">
      <c r="A16" s="20" t="s">
        <v>27</v>
      </c>
      <c r="B16" s="20"/>
      <c r="C16" s="16">
        <v>286</v>
      </c>
      <c r="D16" s="22">
        <v>153</v>
      </c>
      <c r="E16" s="22">
        <v>133</v>
      </c>
      <c r="F16" s="22"/>
      <c r="G16" s="21" t="s">
        <v>28</v>
      </c>
      <c r="H16" s="20"/>
      <c r="I16" s="16">
        <v>549</v>
      </c>
      <c r="J16" s="22">
        <v>301</v>
      </c>
      <c r="K16" s="22">
        <v>248</v>
      </c>
    </row>
    <row r="17" spans="1:11" ht="20.100000000000001" customHeight="1">
      <c r="A17" s="24" t="s">
        <v>29</v>
      </c>
      <c r="B17" s="24"/>
      <c r="C17" s="16">
        <v>1561</v>
      </c>
      <c r="D17" s="17">
        <v>814</v>
      </c>
      <c r="E17" s="17">
        <v>747</v>
      </c>
      <c r="F17" s="17"/>
      <c r="G17" s="21" t="s">
        <v>30</v>
      </c>
      <c r="H17" s="20"/>
      <c r="I17" s="16">
        <v>2357</v>
      </c>
      <c r="J17" s="17">
        <v>1219</v>
      </c>
      <c r="K17" s="17">
        <v>1138</v>
      </c>
    </row>
    <row r="18" spans="1:11" ht="15" customHeight="1">
      <c r="A18" s="20" t="s">
        <v>31</v>
      </c>
      <c r="B18" s="20"/>
      <c r="C18" s="16">
        <v>276</v>
      </c>
      <c r="D18" s="22">
        <v>147</v>
      </c>
      <c r="E18" s="22">
        <v>129</v>
      </c>
      <c r="F18" s="22"/>
      <c r="G18" s="21" t="s">
        <v>32</v>
      </c>
      <c r="H18" s="20"/>
      <c r="I18" s="16">
        <v>471</v>
      </c>
      <c r="J18" s="22">
        <v>231</v>
      </c>
      <c r="K18" s="22">
        <v>240</v>
      </c>
    </row>
    <row r="19" spans="1:11" ht="15" customHeight="1">
      <c r="A19" s="20" t="s">
        <v>33</v>
      </c>
      <c r="B19" s="20"/>
      <c r="C19" s="16">
        <v>300</v>
      </c>
      <c r="D19" s="22">
        <v>161</v>
      </c>
      <c r="E19" s="22">
        <v>139</v>
      </c>
      <c r="F19" s="22"/>
      <c r="G19" s="21" t="s">
        <v>34</v>
      </c>
      <c r="H19" s="20"/>
      <c r="I19" s="16">
        <v>437</v>
      </c>
      <c r="J19" s="22">
        <v>228</v>
      </c>
      <c r="K19" s="22">
        <v>209</v>
      </c>
    </row>
    <row r="20" spans="1:11" ht="15" customHeight="1">
      <c r="A20" s="20" t="s">
        <v>35</v>
      </c>
      <c r="B20" s="20"/>
      <c r="C20" s="16">
        <v>321</v>
      </c>
      <c r="D20" s="22">
        <v>174</v>
      </c>
      <c r="E20" s="22">
        <v>147</v>
      </c>
      <c r="F20" s="22"/>
      <c r="G20" s="21" t="s">
        <v>36</v>
      </c>
      <c r="H20" s="20"/>
      <c r="I20" s="16">
        <v>455</v>
      </c>
      <c r="J20" s="22">
        <v>232</v>
      </c>
      <c r="K20" s="22">
        <v>223</v>
      </c>
    </row>
    <row r="21" spans="1:11" ht="15" customHeight="1">
      <c r="A21" s="20" t="s">
        <v>37</v>
      </c>
      <c r="B21" s="20"/>
      <c r="C21" s="16">
        <v>316</v>
      </c>
      <c r="D21" s="22">
        <v>169</v>
      </c>
      <c r="E21" s="22">
        <v>147</v>
      </c>
      <c r="F21" s="22"/>
      <c r="G21" s="21" t="s">
        <v>38</v>
      </c>
      <c r="H21" s="20"/>
      <c r="I21" s="16">
        <v>482</v>
      </c>
      <c r="J21" s="22">
        <v>248</v>
      </c>
      <c r="K21" s="22">
        <v>234</v>
      </c>
    </row>
    <row r="22" spans="1:11" ht="15" customHeight="1">
      <c r="A22" s="20" t="s">
        <v>39</v>
      </c>
      <c r="B22" s="20"/>
      <c r="C22" s="16">
        <v>348</v>
      </c>
      <c r="D22" s="22">
        <v>163</v>
      </c>
      <c r="E22" s="22">
        <v>185</v>
      </c>
      <c r="F22" s="22"/>
      <c r="G22" s="21" t="s">
        <v>40</v>
      </c>
      <c r="H22" s="20"/>
      <c r="I22" s="16">
        <v>512</v>
      </c>
      <c r="J22" s="22">
        <v>280</v>
      </c>
      <c r="K22" s="22">
        <v>232</v>
      </c>
    </row>
    <row r="23" spans="1:11" ht="20.100000000000001" customHeight="1">
      <c r="A23" s="20" t="s">
        <v>41</v>
      </c>
      <c r="B23" s="20"/>
      <c r="C23" s="16">
        <v>1745</v>
      </c>
      <c r="D23" s="17">
        <v>914</v>
      </c>
      <c r="E23" s="17">
        <v>831</v>
      </c>
      <c r="F23" s="17"/>
      <c r="G23" s="21" t="s">
        <v>42</v>
      </c>
      <c r="H23" s="20"/>
      <c r="I23" s="16">
        <v>2666</v>
      </c>
      <c r="J23" s="17">
        <v>1355</v>
      </c>
      <c r="K23" s="17">
        <v>1311</v>
      </c>
    </row>
    <row r="24" spans="1:11" ht="15" customHeight="1">
      <c r="A24" s="20" t="s">
        <v>43</v>
      </c>
      <c r="B24" s="20"/>
      <c r="C24" s="16">
        <v>351</v>
      </c>
      <c r="D24" s="22">
        <v>186</v>
      </c>
      <c r="E24" s="22">
        <v>165</v>
      </c>
      <c r="F24" s="22"/>
      <c r="G24" s="21" t="s">
        <v>44</v>
      </c>
      <c r="H24" s="20"/>
      <c r="I24" s="16">
        <v>464</v>
      </c>
      <c r="J24" s="22">
        <v>240</v>
      </c>
      <c r="K24" s="22">
        <v>224</v>
      </c>
    </row>
    <row r="25" spans="1:11" ht="15" customHeight="1">
      <c r="A25" s="20" t="s">
        <v>45</v>
      </c>
      <c r="B25" s="20"/>
      <c r="C25" s="16">
        <v>367</v>
      </c>
      <c r="D25" s="22">
        <v>179</v>
      </c>
      <c r="E25" s="22">
        <v>188</v>
      </c>
      <c r="F25" s="22"/>
      <c r="G25" s="21" t="s">
        <v>46</v>
      </c>
      <c r="H25" s="20"/>
      <c r="I25" s="16">
        <v>534</v>
      </c>
      <c r="J25" s="22">
        <v>266</v>
      </c>
      <c r="K25" s="22">
        <v>268</v>
      </c>
    </row>
    <row r="26" spans="1:11" ht="15" customHeight="1">
      <c r="A26" s="20" t="s">
        <v>47</v>
      </c>
      <c r="B26" s="20"/>
      <c r="C26" s="16">
        <v>321</v>
      </c>
      <c r="D26" s="22">
        <v>174</v>
      </c>
      <c r="E26" s="22">
        <v>147</v>
      </c>
      <c r="F26" s="22"/>
      <c r="G26" s="21" t="s">
        <v>48</v>
      </c>
      <c r="H26" s="20"/>
      <c r="I26" s="16">
        <v>543</v>
      </c>
      <c r="J26" s="22">
        <v>279</v>
      </c>
      <c r="K26" s="22">
        <v>264</v>
      </c>
    </row>
    <row r="27" spans="1:11" ht="15" customHeight="1">
      <c r="A27" s="20" t="s">
        <v>49</v>
      </c>
      <c r="B27" s="20"/>
      <c r="C27" s="16">
        <v>360</v>
      </c>
      <c r="D27" s="22">
        <v>190</v>
      </c>
      <c r="E27" s="22">
        <v>170</v>
      </c>
      <c r="F27" s="22"/>
      <c r="G27" s="21" t="s">
        <v>50</v>
      </c>
      <c r="H27" s="20"/>
      <c r="I27" s="16">
        <v>507</v>
      </c>
      <c r="J27" s="22">
        <v>251</v>
      </c>
      <c r="K27" s="22">
        <v>256</v>
      </c>
    </row>
    <row r="28" spans="1:11" ht="15" customHeight="1">
      <c r="A28" s="20" t="s">
        <v>51</v>
      </c>
      <c r="B28" s="20"/>
      <c r="C28" s="16">
        <v>346</v>
      </c>
      <c r="D28" s="22">
        <v>185</v>
      </c>
      <c r="E28" s="22">
        <v>161</v>
      </c>
      <c r="F28" s="22"/>
      <c r="G28" s="21" t="s">
        <v>52</v>
      </c>
      <c r="H28" s="20"/>
      <c r="I28" s="16">
        <v>618</v>
      </c>
      <c r="J28" s="22">
        <v>319</v>
      </c>
      <c r="K28" s="22">
        <v>299</v>
      </c>
    </row>
    <row r="29" spans="1:11" ht="20.100000000000001" customHeight="1">
      <c r="A29" s="20" t="s">
        <v>53</v>
      </c>
      <c r="B29" s="20"/>
      <c r="C29" s="16">
        <v>2060</v>
      </c>
      <c r="D29" s="17">
        <v>1148</v>
      </c>
      <c r="E29" s="17">
        <v>912</v>
      </c>
      <c r="F29" s="17"/>
      <c r="G29" s="21" t="s">
        <v>54</v>
      </c>
      <c r="H29" s="20"/>
      <c r="I29" s="16">
        <v>3474</v>
      </c>
      <c r="J29" s="17">
        <v>1710</v>
      </c>
      <c r="K29" s="17">
        <v>1764</v>
      </c>
    </row>
    <row r="30" spans="1:11" ht="15" customHeight="1">
      <c r="A30" s="20" t="s">
        <v>55</v>
      </c>
      <c r="B30" s="20"/>
      <c r="C30" s="16">
        <v>375</v>
      </c>
      <c r="D30" s="22">
        <v>201</v>
      </c>
      <c r="E30" s="22">
        <v>174</v>
      </c>
      <c r="F30" s="22"/>
      <c r="G30" s="21" t="s">
        <v>56</v>
      </c>
      <c r="H30" s="20"/>
      <c r="I30" s="16">
        <v>650</v>
      </c>
      <c r="J30" s="22">
        <v>320</v>
      </c>
      <c r="K30" s="22">
        <v>330</v>
      </c>
    </row>
    <row r="31" spans="1:11" ht="15" customHeight="1">
      <c r="A31" s="20" t="s">
        <v>57</v>
      </c>
      <c r="B31" s="20"/>
      <c r="C31" s="16">
        <v>451</v>
      </c>
      <c r="D31" s="22">
        <v>250</v>
      </c>
      <c r="E31" s="22">
        <v>201</v>
      </c>
      <c r="F31" s="22"/>
      <c r="G31" s="21" t="s">
        <v>58</v>
      </c>
      <c r="H31" s="20"/>
      <c r="I31" s="16">
        <v>621</v>
      </c>
      <c r="J31" s="22">
        <v>316</v>
      </c>
      <c r="K31" s="22">
        <v>305</v>
      </c>
    </row>
    <row r="32" spans="1:11" ht="15" customHeight="1">
      <c r="A32" s="20" t="s">
        <v>59</v>
      </c>
      <c r="B32" s="20"/>
      <c r="C32" s="16">
        <v>437</v>
      </c>
      <c r="D32" s="22">
        <v>230</v>
      </c>
      <c r="E32" s="22">
        <v>207</v>
      </c>
      <c r="F32" s="22"/>
      <c r="G32" s="21" t="s">
        <v>60</v>
      </c>
      <c r="H32" s="20"/>
      <c r="I32" s="16">
        <v>696</v>
      </c>
      <c r="J32" s="22">
        <v>340</v>
      </c>
      <c r="K32" s="22">
        <v>356</v>
      </c>
    </row>
    <row r="33" spans="1:11" ht="15" customHeight="1">
      <c r="A33" s="20" t="s">
        <v>61</v>
      </c>
      <c r="B33" s="20"/>
      <c r="C33" s="16">
        <v>392</v>
      </c>
      <c r="D33" s="22">
        <v>222</v>
      </c>
      <c r="E33" s="22">
        <v>170</v>
      </c>
      <c r="F33" s="22"/>
      <c r="G33" s="21" t="s">
        <v>62</v>
      </c>
      <c r="H33" s="20"/>
      <c r="I33" s="16">
        <v>780</v>
      </c>
      <c r="J33" s="22">
        <v>370</v>
      </c>
      <c r="K33" s="22">
        <v>410</v>
      </c>
    </row>
    <row r="34" spans="1:11" ht="15" customHeight="1">
      <c r="A34" s="20" t="s">
        <v>63</v>
      </c>
      <c r="B34" s="20"/>
      <c r="C34" s="16">
        <v>405</v>
      </c>
      <c r="D34" s="22">
        <v>245</v>
      </c>
      <c r="E34" s="22">
        <v>160</v>
      </c>
      <c r="F34" s="22"/>
      <c r="G34" s="21" t="s">
        <v>64</v>
      </c>
      <c r="H34" s="20"/>
      <c r="I34" s="16">
        <v>727</v>
      </c>
      <c r="J34" s="22">
        <v>364</v>
      </c>
      <c r="K34" s="22">
        <v>363</v>
      </c>
    </row>
    <row r="35" spans="1:11" ht="20.100000000000001" customHeight="1">
      <c r="A35" s="20" t="s">
        <v>65</v>
      </c>
      <c r="B35" s="20"/>
      <c r="C35" s="16">
        <v>1913</v>
      </c>
      <c r="D35" s="17">
        <v>1142</v>
      </c>
      <c r="E35" s="17">
        <v>771</v>
      </c>
      <c r="F35" s="17"/>
      <c r="G35" s="21" t="s">
        <v>66</v>
      </c>
      <c r="H35" s="20"/>
      <c r="I35" s="16">
        <v>2639</v>
      </c>
      <c r="J35" s="17">
        <v>1265</v>
      </c>
      <c r="K35" s="17">
        <v>1374</v>
      </c>
    </row>
    <row r="36" spans="1:11" ht="15" customHeight="1">
      <c r="A36" s="20" t="s">
        <v>67</v>
      </c>
      <c r="B36" s="20"/>
      <c r="C36" s="16">
        <v>395</v>
      </c>
      <c r="D36" s="22">
        <v>230</v>
      </c>
      <c r="E36" s="22">
        <v>165</v>
      </c>
      <c r="F36" s="22"/>
      <c r="G36" s="21" t="s">
        <v>68</v>
      </c>
      <c r="H36" s="20"/>
      <c r="I36" s="16">
        <v>750</v>
      </c>
      <c r="J36" s="22">
        <v>347</v>
      </c>
      <c r="K36" s="22">
        <v>403</v>
      </c>
    </row>
    <row r="37" spans="1:11" ht="15" customHeight="1">
      <c r="A37" s="20" t="s">
        <v>69</v>
      </c>
      <c r="B37" s="20"/>
      <c r="C37" s="16">
        <v>371</v>
      </c>
      <c r="D37" s="22">
        <v>226</v>
      </c>
      <c r="E37" s="22">
        <v>145</v>
      </c>
      <c r="F37" s="22"/>
      <c r="G37" s="21" t="s">
        <v>70</v>
      </c>
      <c r="H37" s="20"/>
      <c r="I37" s="16">
        <v>466</v>
      </c>
      <c r="J37" s="22">
        <v>241</v>
      </c>
      <c r="K37" s="22">
        <v>225</v>
      </c>
    </row>
    <row r="38" spans="1:11" ht="15" customHeight="1">
      <c r="A38" s="20" t="s">
        <v>71</v>
      </c>
      <c r="B38" s="20"/>
      <c r="C38" s="16">
        <v>389</v>
      </c>
      <c r="D38" s="22">
        <v>230</v>
      </c>
      <c r="E38" s="22">
        <v>159</v>
      </c>
      <c r="F38" s="22"/>
      <c r="G38" s="21" t="s">
        <v>72</v>
      </c>
      <c r="H38" s="20"/>
      <c r="I38" s="16">
        <v>404</v>
      </c>
      <c r="J38" s="22">
        <v>171</v>
      </c>
      <c r="K38" s="22">
        <v>233</v>
      </c>
    </row>
    <row r="39" spans="1:11" ht="15" customHeight="1">
      <c r="A39" s="20" t="s">
        <v>73</v>
      </c>
      <c r="B39" s="20"/>
      <c r="C39" s="16">
        <v>359</v>
      </c>
      <c r="D39" s="22">
        <v>216</v>
      </c>
      <c r="E39" s="22">
        <v>143</v>
      </c>
      <c r="F39" s="22"/>
      <c r="G39" s="21" t="s">
        <v>74</v>
      </c>
      <c r="H39" s="20"/>
      <c r="I39" s="16">
        <v>475</v>
      </c>
      <c r="J39" s="22">
        <v>229</v>
      </c>
      <c r="K39" s="22">
        <v>246</v>
      </c>
    </row>
    <row r="40" spans="1:11" ht="15" customHeight="1">
      <c r="A40" s="20" t="s">
        <v>75</v>
      </c>
      <c r="B40" s="20"/>
      <c r="C40" s="16">
        <v>399</v>
      </c>
      <c r="D40" s="22">
        <v>240</v>
      </c>
      <c r="E40" s="22">
        <v>159</v>
      </c>
      <c r="F40" s="22"/>
      <c r="G40" s="21" t="s">
        <v>76</v>
      </c>
      <c r="H40" s="20"/>
      <c r="I40" s="16">
        <v>544</v>
      </c>
      <c r="J40" s="22">
        <v>277</v>
      </c>
      <c r="K40" s="22">
        <v>267</v>
      </c>
    </row>
    <row r="41" spans="1:11" ht="20.100000000000001" customHeight="1">
      <c r="A41" s="20" t="s">
        <v>77</v>
      </c>
      <c r="B41" s="20"/>
      <c r="C41" s="16">
        <v>1653</v>
      </c>
      <c r="D41" s="17">
        <v>942</v>
      </c>
      <c r="E41" s="17">
        <v>711</v>
      </c>
      <c r="F41" s="17"/>
      <c r="G41" s="21" t="s">
        <v>78</v>
      </c>
      <c r="H41" s="20"/>
      <c r="I41" s="16">
        <v>1945</v>
      </c>
      <c r="J41" s="17">
        <v>878</v>
      </c>
      <c r="K41" s="17">
        <v>1067</v>
      </c>
    </row>
    <row r="42" spans="1:11" ht="15" customHeight="1">
      <c r="A42" s="20" t="s">
        <v>79</v>
      </c>
      <c r="B42" s="20"/>
      <c r="C42" s="16">
        <v>300</v>
      </c>
      <c r="D42" s="22">
        <v>160</v>
      </c>
      <c r="E42" s="22">
        <v>140</v>
      </c>
      <c r="F42" s="22"/>
      <c r="G42" s="21" t="s">
        <v>80</v>
      </c>
      <c r="H42" s="20"/>
      <c r="I42" s="16">
        <v>470</v>
      </c>
      <c r="J42" s="22">
        <v>226</v>
      </c>
      <c r="K42" s="22">
        <v>244</v>
      </c>
    </row>
    <row r="43" spans="1:11" ht="15" customHeight="1">
      <c r="A43" s="20" t="s">
        <v>81</v>
      </c>
      <c r="B43" s="20"/>
      <c r="C43" s="16">
        <v>318</v>
      </c>
      <c r="D43" s="22">
        <v>179</v>
      </c>
      <c r="E43" s="22">
        <v>139</v>
      </c>
      <c r="F43" s="22"/>
      <c r="G43" s="21" t="s">
        <v>82</v>
      </c>
      <c r="H43" s="20"/>
      <c r="I43" s="16">
        <v>443</v>
      </c>
      <c r="J43" s="22">
        <v>198</v>
      </c>
      <c r="K43" s="22">
        <v>245</v>
      </c>
    </row>
    <row r="44" spans="1:11" ht="15" customHeight="1">
      <c r="A44" s="20" t="s">
        <v>83</v>
      </c>
      <c r="B44" s="20"/>
      <c r="C44" s="16">
        <v>333</v>
      </c>
      <c r="D44" s="22">
        <v>207</v>
      </c>
      <c r="E44" s="22">
        <v>126</v>
      </c>
      <c r="F44" s="22"/>
      <c r="G44" s="21" t="s">
        <v>84</v>
      </c>
      <c r="H44" s="20"/>
      <c r="I44" s="16">
        <v>405</v>
      </c>
      <c r="J44" s="22">
        <v>172</v>
      </c>
      <c r="K44" s="22">
        <v>233</v>
      </c>
    </row>
    <row r="45" spans="1:11" ht="15" customHeight="1">
      <c r="A45" s="20" t="s">
        <v>85</v>
      </c>
      <c r="B45" s="20"/>
      <c r="C45" s="16">
        <v>352</v>
      </c>
      <c r="D45" s="22">
        <v>203</v>
      </c>
      <c r="E45" s="22">
        <v>149</v>
      </c>
      <c r="F45" s="22"/>
      <c r="G45" s="21" t="s">
        <v>86</v>
      </c>
      <c r="H45" s="20"/>
      <c r="I45" s="16">
        <v>348</v>
      </c>
      <c r="J45" s="22">
        <v>163</v>
      </c>
      <c r="K45" s="22">
        <v>185</v>
      </c>
    </row>
    <row r="46" spans="1:11" ht="15" customHeight="1">
      <c r="A46" s="20" t="s">
        <v>87</v>
      </c>
      <c r="B46" s="20"/>
      <c r="C46" s="16">
        <v>350</v>
      </c>
      <c r="D46" s="22">
        <v>193</v>
      </c>
      <c r="E46" s="22">
        <v>157</v>
      </c>
      <c r="F46" s="22"/>
      <c r="G46" s="21" t="s">
        <v>88</v>
      </c>
      <c r="H46" s="20"/>
      <c r="I46" s="16">
        <v>279</v>
      </c>
      <c r="J46" s="22">
        <v>119</v>
      </c>
      <c r="K46" s="22">
        <v>160</v>
      </c>
    </row>
    <row r="47" spans="1:11" ht="20.100000000000001" customHeight="1">
      <c r="A47" s="20" t="s">
        <v>89</v>
      </c>
      <c r="B47" s="20"/>
      <c r="C47" s="16">
        <v>1882</v>
      </c>
      <c r="D47" s="17">
        <v>1021</v>
      </c>
      <c r="E47" s="17">
        <v>861</v>
      </c>
      <c r="F47" s="17"/>
      <c r="G47" s="21" t="s">
        <v>90</v>
      </c>
      <c r="H47" s="20"/>
      <c r="I47" s="16">
        <v>980</v>
      </c>
      <c r="J47" s="17">
        <v>407</v>
      </c>
      <c r="K47" s="17">
        <v>573</v>
      </c>
    </row>
    <row r="48" spans="1:11" ht="15" customHeight="1">
      <c r="A48" s="20" t="s">
        <v>91</v>
      </c>
      <c r="B48" s="20"/>
      <c r="C48" s="16">
        <v>332</v>
      </c>
      <c r="D48" s="22">
        <v>182</v>
      </c>
      <c r="E48" s="22">
        <v>150</v>
      </c>
      <c r="F48" s="22"/>
      <c r="G48" s="21" t="s">
        <v>92</v>
      </c>
      <c r="H48" s="20"/>
      <c r="I48" s="16">
        <v>258</v>
      </c>
      <c r="J48" s="22">
        <v>106</v>
      </c>
      <c r="K48" s="22">
        <v>152</v>
      </c>
    </row>
    <row r="49" spans="1:11" ht="15" customHeight="1">
      <c r="A49" s="20" t="s">
        <v>93</v>
      </c>
      <c r="B49" s="20"/>
      <c r="C49" s="16">
        <v>341</v>
      </c>
      <c r="D49" s="22">
        <v>175</v>
      </c>
      <c r="E49" s="22">
        <v>166</v>
      </c>
      <c r="F49" s="22"/>
      <c r="G49" s="21" t="s">
        <v>94</v>
      </c>
      <c r="H49" s="20"/>
      <c r="I49" s="16">
        <v>210</v>
      </c>
      <c r="J49" s="22">
        <v>96</v>
      </c>
      <c r="K49" s="22">
        <v>114</v>
      </c>
    </row>
    <row r="50" spans="1:11" ht="15" customHeight="1">
      <c r="A50" s="20" t="s">
        <v>95</v>
      </c>
      <c r="B50" s="20"/>
      <c r="C50" s="16">
        <v>401</v>
      </c>
      <c r="D50" s="22">
        <v>221</v>
      </c>
      <c r="E50" s="22">
        <v>180</v>
      </c>
      <c r="F50" s="22"/>
      <c r="G50" s="21" t="s">
        <v>96</v>
      </c>
      <c r="H50" s="20"/>
      <c r="I50" s="16">
        <v>212</v>
      </c>
      <c r="J50" s="22">
        <v>94</v>
      </c>
      <c r="K50" s="22">
        <v>118</v>
      </c>
    </row>
    <row r="51" spans="1:11" ht="15" customHeight="1">
      <c r="A51" s="20" t="s">
        <v>97</v>
      </c>
      <c r="B51" s="20"/>
      <c r="C51" s="16">
        <v>394</v>
      </c>
      <c r="D51" s="22">
        <v>214</v>
      </c>
      <c r="E51" s="22">
        <v>180</v>
      </c>
      <c r="F51" s="22"/>
      <c r="G51" s="21" t="s">
        <v>98</v>
      </c>
      <c r="H51" s="20"/>
      <c r="I51" s="16">
        <v>162</v>
      </c>
      <c r="J51" s="22">
        <v>61</v>
      </c>
      <c r="K51" s="22">
        <v>101</v>
      </c>
    </row>
    <row r="52" spans="1:11" ht="15" customHeight="1">
      <c r="A52" s="20" t="s">
        <v>99</v>
      </c>
      <c r="B52" s="20"/>
      <c r="C52" s="16">
        <v>414</v>
      </c>
      <c r="D52" s="22">
        <v>229</v>
      </c>
      <c r="E52" s="22">
        <v>185</v>
      </c>
      <c r="F52" s="22"/>
      <c r="G52" s="21" t="s">
        <v>100</v>
      </c>
      <c r="H52" s="20"/>
      <c r="I52" s="16">
        <v>138</v>
      </c>
      <c r="J52" s="22">
        <v>50</v>
      </c>
      <c r="K52" s="22">
        <v>88</v>
      </c>
    </row>
    <row r="53" spans="1:11" ht="20.100000000000001" customHeight="1">
      <c r="A53" s="20" t="s">
        <v>101</v>
      </c>
      <c r="B53" s="20"/>
      <c r="C53" s="16">
        <v>2304</v>
      </c>
      <c r="D53" s="17">
        <v>1215</v>
      </c>
      <c r="E53" s="17">
        <v>1089</v>
      </c>
      <c r="F53" s="17"/>
      <c r="G53" s="21" t="s">
        <v>102</v>
      </c>
      <c r="H53" s="20"/>
      <c r="I53" s="16">
        <v>365</v>
      </c>
      <c r="J53" s="17">
        <v>130</v>
      </c>
      <c r="K53" s="17">
        <v>235</v>
      </c>
    </row>
    <row r="54" spans="1:11" ht="15" customHeight="1">
      <c r="A54" s="20" t="s">
        <v>103</v>
      </c>
      <c r="B54" s="20"/>
      <c r="C54" s="16">
        <v>409</v>
      </c>
      <c r="D54" s="22">
        <v>223</v>
      </c>
      <c r="E54" s="22">
        <v>186</v>
      </c>
      <c r="F54" s="22"/>
      <c r="G54" s="21" t="s">
        <v>104</v>
      </c>
      <c r="H54" s="20"/>
      <c r="I54" s="16">
        <v>127</v>
      </c>
      <c r="J54" s="22">
        <v>55</v>
      </c>
      <c r="K54" s="22">
        <v>72</v>
      </c>
    </row>
    <row r="55" spans="1:11" ht="15" customHeight="1">
      <c r="A55" s="20" t="s">
        <v>105</v>
      </c>
      <c r="B55" s="20"/>
      <c r="C55" s="16">
        <v>485</v>
      </c>
      <c r="D55" s="22">
        <v>244</v>
      </c>
      <c r="E55" s="22">
        <v>241</v>
      </c>
      <c r="F55" s="22"/>
      <c r="G55" s="21" t="s">
        <v>106</v>
      </c>
      <c r="H55" s="20"/>
      <c r="I55" s="16">
        <v>88</v>
      </c>
      <c r="J55" s="22">
        <v>40</v>
      </c>
      <c r="K55" s="22">
        <v>48</v>
      </c>
    </row>
    <row r="56" spans="1:11" ht="15" customHeight="1">
      <c r="A56" s="20" t="s">
        <v>107</v>
      </c>
      <c r="B56" s="20"/>
      <c r="C56" s="16">
        <v>437</v>
      </c>
      <c r="D56" s="22">
        <v>235</v>
      </c>
      <c r="E56" s="22">
        <v>202</v>
      </c>
      <c r="F56" s="22"/>
      <c r="G56" s="21" t="s">
        <v>108</v>
      </c>
      <c r="H56" s="20"/>
      <c r="I56" s="16">
        <v>60</v>
      </c>
      <c r="J56" s="22">
        <v>15</v>
      </c>
      <c r="K56" s="22">
        <v>45</v>
      </c>
    </row>
    <row r="57" spans="1:11" ht="15" customHeight="1">
      <c r="A57" s="20" t="s">
        <v>109</v>
      </c>
      <c r="B57" s="20"/>
      <c r="C57" s="16">
        <v>436</v>
      </c>
      <c r="D57" s="22">
        <v>233</v>
      </c>
      <c r="E57" s="22">
        <v>203</v>
      </c>
      <c r="F57" s="22"/>
      <c r="G57" s="21" t="s">
        <v>110</v>
      </c>
      <c r="H57" s="20"/>
      <c r="I57" s="16">
        <v>46</v>
      </c>
      <c r="J57" s="22">
        <v>18</v>
      </c>
      <c r="K57" s="22">
        <v>28</v>
      </c>
    </row>
    <row r="58" spans="1:11" ht="15" customHeight="1">
      <c r="A58" s="20" t="s">
        <v>111</v>
      </c>
      <c r="B58" s="20"/>
      <c r="C58" s="16">
        <v>537</v>
      </c>
      <c r="D58" s="22">
        <v>280</v>
      </c>
      <c r="E58" s="22">
        <v>257</v>
      </c>
      <c r="F58" s="22"/>
      <c r="G58" s="21" t="s">
        <v>112</v>
      </c>
      <c r="H58" s="20"/>
      <c r="I58" s="16">
        <v>44</v>
      </c>
      <c r="J58" s="22">
        <v>2</v>
      </c>
      <c r="K58" s="22">
        <v>42</v>
      </c>
    </row>
    <row r="59" spans="1:11" ht="20.100000000000001" customHeight="1">
      <c r="A59" s="20" t="s">
        <v>113</v>
      </c>
      <c r="B59" s="20"/>
      <c r="C59" s="16">
        <v>2933</v>
      </c>
      <c r="D59" s="17">
        <v>1612</v>
      </c>
      <c r="E59" s="17">
        <v>1321</v>
      </c>
      <c r="F59" s="17"/>
      <c r="G59" s="21" t="s">
        <v>114</v>
      </c>
      <c r="H59" s="20"/>
      <c r="I59" s="16">
        <v>109</v>
      </c>
      <c r="J59" s="17">
        <v>18</v>
      </c>
      <c r="K59" s="17">
        <v>91</v>
      </c>
    </row>
    <row r="60" spans="1:11" ht="15" customHeight="1">
      <c r="A60" s="20" t="s">
        <v>115</v>
      </c>
      <c r="B60" s="20"/>
      <c r="C60" s="16">
        <v>562</v>
      </c>
      <c r="D60" s="22">
        <v>300</v>
      </c>
      <c r="E60" s="22">
        <v>262</v>
      </c>
      <c r="F60" s="22"/>
      <c r="G60" s="21" t="s">
        <v>116</v>
      </c>
      <c r="H60" s="20"/>
      <c r="I60" s="16">
        <v>46</v>
      </c>
      <c r="J60" s="22">
        <v>14</v>
      </c>
      <c r="K60" s="22">
        <v>32</v>
      </c>
    </row>
    <row r="61" spans="1:11" ht="15" customHeight="1">
      <c r="A61" s="20" t="s">
        <v>117</v>
      </c>
      <c r="B61" s="20"/>
      <c r="C61" s="16">
        <v>499</v>
      </c>
      <c r="D61" s="22">
        <v>267</v>
      </c>
      <c r="E61" s="22">
        <v>232</v>
      </c>
      <c r="F61" s="22"/>
      <c r="G61" s="21" t="s">
        <v>118</v>
      </c>
      <c r="H61" s="20"/>
      <c r="I61" s="16">
        <v>16</v>
      </c>
      <c r="J61" s="22">
        <v>0</v>
      </c>
      <c r="K61" s="22">
        <v>16</v>
      </c>
    </row>
    <row r="62" spans="1:11" ht="15" customHeight="1">
      <c r="A62" s="20" t="s">
        <v>119</v>
      </c>
      <c r="B62" s="20"/>
      <c r="C62" s="16">
        <v>551</v>
      </c>
      <c r="D62" s="22">
        <v>301</v>
      </c>
      <c r="E62" s="22">
        <v>250</v>
      </c>
      <c r="F62" s="22"/>
      <c r="G62" s="21" t="s">
        <v>120</v>
      </c>
      <c r="H62" s="20"/>
      <c r="I62" s="16">
        <v>28</v>
      </c>
      <c r="J62" s="22">
        <v>2</v>
      </c>
      <c r="K62" s="22">
        <v>26</v>
      </c>
    </row>
    <row r="63" spans="1:11" ht="15" customHeight="1">
      <c r="A63" s="20" t="s">
        <v>121</v>
      </c>
      <c r="B63" s="20"/>
      <c r="C63" s="16">
        <v>609</v>
      </c>
      <c r="D63" s="22">
        <v>339</v>
      </c>
      <c r="E63" s="22">
        <v>270</v>
      </c>
      <c r="F63" s="22"/>
      <c r="G63" s="21" t="s">
        <v>122</v>
      </c>
      <c r="H63" s="20"/>
      <c r="I63" s="16">
        <v>9</v>
      </c>
      <c r="J63" s="22">
        <v>1</v>
      </c>
      <c r="K63" s="22">
        <v>8</v>
      </c>
    </row>
    <row r="64" spans="1:11" ht="15" customHeight="1">
      <c r="A64" s="20" t="s">
        <v>123</v>
      </c>
      <c r="B64" s="20"/>
      <c r="C64" s="16">
        <v>712</v>
      </c>
      <c r="D64" s="22">
        <v>405</v>
      </c>
      <c r="E64" s="22">
        <v>307</v>
      </c>
      <c r="F64" s="22"/>
      <c r="G64" s="21" t="s">
        <v>124</v>
      </c>
      <c r="H64" s="20"/>
      <c r="I64" s="16">
        <v>10</v>
      </c>
      <c r="J64" s="22">
        <v>1</v>
      </c>
      <c r="K64" s="22">
        <v>9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3</v>
      </c>
      <c r="J65" s="22">
        <v>3</v>
      </c>
      <c r="K65" s="22">
        <v>10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465</v>
      </c>
      <c r="J66" s="32">
        <v>296</v>
      </c>
      <c r="K66" s="32">
        <v>169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0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40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962</v>
      </c>
      <c r="D4" s="17">
        <v>1508</v>
      </c>
      <c r="E4" s="17">
        <v>1454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59</v>
      </c>
      <c r="D5" s="17">
        <v>27</v>
      </c>
      <c r="E5" s="17">
        <v>32</v>
      </c>
      <c r="F5" s="17"/>
      <c r="G5" s="21" t="s">
        <v>6</v>
      </c>
      <c r="H5" s="20"/>
      <c r="I5" s="16">
        <v>254</v>
      </c>
      <c r="J5" s="17">
        <v>151</v>
      </c>
      <c r="K5" s="17">
        <v>103</v>
      </c>
    </row>
    <row r="6" spans="1:11" ht="15" customHeight="1">
      <c r="A6" s="20" t="s">
        <v>7</v>
      </c>
      <c r="B6" s="20"/>
      <c r="C6" s="16">
        <v>8</v>
      </c>
      <c r="D6" s="22">
        <v>3</v>
      </c>
      <c r="E6" s="22">
        <v>5</v>
      </c>
      <c r="F6" s="22"/>
      <c r="G6" s="21" t="s">
        <v>8</v>
      </c>
      <c r="H6" s="20"/>
      <c r="I6" s="16">
        <v>52</v>
      </c>
      <c r="J6" s="22">
        <v>27</v>
      </c>
      <c r="K6" s="22">
        <v>25</v>
      </c>
    </row>
    <row r="7" spans="1:11" ht="15" customHeight="1">
      <c r="A7" s="20" t="s">
        <v>9</v>
      </c>
      <c r="B7" s="20"/>
      <c r="C7" s="16">
        <v>11</v>
      </c>
      <c r="D7" s="22">
        <v>3</v>
      </c>
      <c r="E7" s="22">
        <v>8</v>
      </c>
      <c r="F7" s="22"/>
      <c r="G7" s="21" t="s">
        <v>10</v>
      </c>
      <c r="H7" s="20"/>
      <c r="I7" s="16">
        <v>67</v>
      </c>
      <c r="J7" s="22">
        <v>37</v>
      </c>
      <c r="K7" s="22">
        <v>30</v>
      </c>
    </row>
    <row r="8" spans="1:11" ht="15" customHeight="1">
      <c r="A8" s="20" t="s">
        <v>11</v>
      </c>
      <c r="B8" s="20"/>
      <c r="C8" s="16">
        <v>10</v>
      </c>
      <c r="D8" s="22">
        <v>9</v>
      </c>
      <c r="E8" s="22">
        <v>1</v>
      </c>
      <c r="F8" s="22"/>
      <c r="G8" s="21" t="s">
        <v>12</v>
      </c>
      <c r="H8" s="20"/>
      <c r="I8" s="16">
        <v>37</v>
      </c>
      <c r="J8" s="22">
        <v>25</v>
      </c>
      <c r="K8" s="22">
        <v>12</v>
      </c>
    </row>
    <row r="9" spans="1:11" ht="15" customHeight="1">
      <c r="A9" s="20" t="s">
        <v>13</v>
      </c>
      <c r="B9" s="20"/>
      <c r="C9" s="16">
        <v>13</v>
      </c>
      <c r="D9" s="22">
        <v>7</v>
      </c>
      <c r="E9" s="22">
        <v>6</v>
      </c>
      <c r="F9" s="22"/>
      <c r="G9" s="21" t="s">
        <v>14</v>
      </c>
      <c r="H9" s="20"/>
      <c r="I9" s="16">
        <v>44</v>
      </c>
      <c r="J9" s="22">
        <v>29</v>
      </c>
      <c r="K9" s="22">
        <v>15</v>
      </c>
    </row>
    <row r="10" spans="1:11" ht="15" customHeight="1">
      <c r="A10" s="20" t="s">
        <v>15</v>
      </c>
      <c r="B10" s="20"/>
      <c r="C10" s="16">
        <v>17</v>
      </c>
      <c r="D10" s="22">
        <v>5</v>
      </c>
      <c r="E10" s="22">
        <v>12</v>
      </c>
      <c r="F10" s="22"/>
      <c r="G10" s="21" t="s">
        <v>16</v>
      </c>
      <c r="H10" s="20"/>
      <c r="I10" s="16">
        <v>54</v>
      </c>
      <c r="J10" s="22">
        <v>33</v>
      </c>
      <c r="K10" s="22">
        <v>21</v>
      </c>
    </row>
    <row r="11" spans="1:11" ht="20.100000000000001" customHeight="1">
      <c r="A11" s="20" t="s">
        <v>17</v>
      </c>
      <c r="B11" s="20"/>
      <c r="C11" s="16">
        <v>90</v>
      </c>
      <c r="D11" s="17">
        <v>47</v>
      </c>
      <c r="E11" s="17">
        <v>43</v>
      </c>
      <c r="F11" s="17"/>
      <c r="G11" s="21" t="s">
        <v>18</v>
      </c>
      <c r="H11" s="20"/>
      <c r="I11" s="16">
        <v>182</v>
      </c>
      <c r="J11" s="17">
        <v>89</v>
      </c>
      <c r="K11" s="17">
        <v>93</v>
      </c>
    </row>
    <row r="12" spans="1:11" ht="15" customHeight="1">
      <c r="A12" s="20" t="s">
        <v>19</v>
      </c>
      <c r="B12" s="20"/>
      <c r="C12" s="16">
        <v>21</v>
      </c>
      <c r="D12" s="22">
        <v>14</v>
      </c>
      <c r="E12" s="22">
        <v>7</v>
      </c>
      <c r="F12" s="22"/>
      <c r="G12" s="21" t="s">
        <v>20</v>
      </c>
      <c r="H12" s="20"/>
      <c r="I12" s="16">
        <v>42</v>
      </c>
      <c r="J12" s="22">
        <v>25</v>
      </c>
      <c r="K12" s="22">
        <v>17</v>
      </c>
    </row>
    <row r="13" spans="1:11" ht="15" customHeight="1">
      <c r="A13" s="20" t="s">
        <v>21</v>
      </c>
      <c r="B13" s="20"/>
      <c r="C13" s="16">
        <v>18</v>
      </c>
      <c r="D13" s="22">
        <v>9</v>
      </c>
      <c r="E13" s="22">
        <v>9</v>
      </c>
      <c r="F13" s="22"/>
      <c r="G13" s="21" t="s">
        <v>22</v>
      </c>
      <c r="H13" s="20"/>
      <c r="I13" s="16">
        <v>26</v>
      </c>
      <c r="J13" s="22">
        <v>11</v>
      </c>
      <c r="K13" s="22">
        <v>15</v>
      </c>
    </row>
    <row r="14" spans="1:11" ht="15" customHeight="1">
      <c r="A14" s="20" t="s">
        <v>23</v>
      </c>
      <c r="B14" s="20"/>
      <c r="C14" s="16">
        <v>18</v>
      </c>
      <c r="D14" s="22">
        <v>8</v>
      </c>
      <c r="E14" s="22">
        <v>10</v>
      </c>
      <c r="F14" s="22"/>
      <c r="G14" s="21" t="s">
        <v>24</v>
      </c>
      <c r="H14" s="20"/>
      <c r="I14" s="16">
        <v>41</v>
      </c>
      <c r="J14" s="22">
        <v>19</v>
      </c>
      <c r="K14" s="22">
        <v>22</v>
      </c>
    </row>
    <row r="15" spans="1:11" ht="15" customHeight="1">
      <c r="A15" s="20" t="s">
        <v>25</v>
      </c>
      <c r="B15" s="20"/>
      <c r="C15" s="16">
        <v>16</v>
      </c>
      <c r="D15" s="22">
        <v>6</v>
      </c>
      <c r="E15" s="22">
        <v>10</v>
      </c>
      <c r="F15" s="22"/>
      <c r="G15" s="21" t="s">
        <v>26</v>
      </c>
      <c r="H15" s="20"/>
      <c r="I15" s="16">
        <v>36</v>
      </c>
      <c r="J15" s="22">
        <v>17</v>
      </c>
      <c r="K15" s="22">
        <v>19</v>
      </c>
    </row>
    <row r="16" spans="1:11" ht="15" customHeight="1">
      <c r="A16" s="20" t="s">
        <v>27</v>
      </c>
      <c r="B16" s="20"/>
      <c r="C16" s="16">
        <v>17</v>
      </c>
      <c r="D16" s="22">
        <v>10</v>
      </c>
      <c r="E16" s="22">
        <v>7</v>
      </c>
      <c r="F16" s="22"/>
      <c r="G16" s="21" t="s">
        <v>28</v>
      </c>
      <c r="H16" s="20"/>
      <c r="I16" s="16">
        <v>37</v>
      </c>
      <c r="J16" s="22">
        <v>17</v>
      </c>
      <c r="K16" s="22">
        <v>20</v>
      </c>
    </row>
    <row r="17" spans="1:11" ht="20.100000000000001" customHeight="1">
      <c r="A17" s="24" t="s">
        <v>29</v>
      </c>
      <c r="B17" s="24"/>
      <c r="C17" s="16">
        <v>116</v>
      </c>
      <c r="D17" s="17">
        <v>53</v>
      </c>
      <c r="E17" s="17">
        <v>63</v>
      </c>
      <c r="F17" s="17"/>
      <c r="G17" s="21" t="s">
        <v>30</v>
      </c>
      <c r="H17" s="20"/>
      <c r="I17" s="16">
        <v>214</v>
      </c>
      <c r="J17" s="17">
        <v>105</v>
      </c>
      <c r="K17" s="17">
        <v>109</v>
      </c>
    </row>
    <row r="18" spans="1:11" ht="15" customHeight="1">
      <c r="A18" s="20" t="s">
        <v>31</v>
      </c>
      <c r="B18" s="20"/>
      <c r="C18" s="16">
        <v>23</v>
      </c>
      <c r="D18" s="22">
        <v>8</v>
      </c>
      <c r="E18" s="22">
        <v>15</v>
      </c>
      <c r="F18" s="22"/>
      <c r="G18" s="21" t="s">
        <v>32</v>
      </c>
      <c r="H18" s="20"/>
      <c r="I18" s="16">
        <v>48</v>
      </c>
      <c r="J18" s="22">
        <v>27</v>
      </c>
      <c r="K18" s="22">
        <v>21</v>
      </c>
    </row>
    <row r="19" spans="1:11" ht="15" customHeight="1">
      <c r="A19" s="20" t="s">
        <v>33</v>
      </c>
      <c r="B19" s="20"/>
      <c r="C19" s="16">
        <v>20</v>
      </c>
      <c r="D19" s="22">
        <v>11</v>
      </c>
      <c r="E19" s="22">
        <v>9</v>
      </c>
      <c r="F19" s="22"/>
      <c r="G19" s="21" t="s">
        <v>34</v>
      </c>
      <c r="H19" s="20"/>
      <c r="I19" s="16">
        <v>33</v>
      </c>
      <c r="J19" s="22">
        <v>12</v>
      </c>
      <c r="K19" s="22">
        <v>21</v>
      </c>
    </row>
    <row r="20" spans="1:11" ht="15" customHeight="1">
      <c r="A20" s="20" t="s">
        <v>35</v>
      </c>
      <c r="B20" s="20"/>
      <c r="C20" s="16">
        <v>18</v>
      </c>
      <c r="D20" s="22">
        <v>8</v>
      </c>
      <c r="E20" s="22">
        <v>10</v>
      </c>
      <c r="F20" s="22"/>
      <c r="G20" s="21" t="s">
        <v>36</v>
      </c>
      <c r="H20" s="20"/>
      <c r="I20" s="16">
        <v>48</v>
      </c>
      <c r="J20" s="22">
        <v>24</v>
      </c>
      <c r="K20" s="22">
        <v>24</v>
      </c>
    </row>
    <row r="21" spans="1:11" ht="15" customHeight="1">
      <c r="A21" s="20" t="s">
        <v>37</v>
      </c>
      <c r="B21" s="20"/>
      <c r="C21" s="16">
        <v>28</v>
      </c>
      <c r="D21" s="22">
        <v>14</v>
      </c>
      <c r="E21" s="22">
        <v>14</v>
      </c>
      <c r="F21" s="22"/>
      <c r="G21" s="21" t="s">
        <v>38</v>
      </c>
      <c r="H21" s="20"/>
      <c r="I21" s="16">
        <v>44</v>
      </c>
      <c r="J21" s="22">
        <v>20</v>
      </c>
      <c r="K21" s="22">
        <v>24</v>
      </c>
    </row>
    <row r="22" spans="1:11" ht="15" customHeight="1">
      <c r="A22" s="20" t="s">
        <v>39</v>
      </c>
      <c r="B22" s="20"/>
      <c r="C22" s="16">
        <v>27</v>
      </c>
      <c r="D22" s="22">
        <v>12</v>
      </c>
      <c r="E22" s="22">
        <v>15</v>
      </c>
      <c r="F22" s="22"/>
      <c r="G22" s="21" t="s">
        <v>40</v>
      </c>
      <c r="H22" s="20"/>
      <c r="I22" s="16">
        <v>41</v>
      </c>
      <c r="J22" s="22">
        <v>22</v>
      </c>
      <c r="K22" s="22">
        <v>19</v>
      </c>
    </row>
    <row r="23" spans="1:11" ht="20.100000000000001" customHeight="1">
      <c r="A23" s="20" t="s">
        <v>41</v>
      </c>
      <c r="B23" s="20"/>
      <c r="C23" s="16">
        <v>118</v>
      </c>
      <c r="D23" s="17">
        <v>63</v>
      </c>
      <c r="E23" s="17">
        <v>55</v>
      </c>
      <c r="F23" s="17"/>
      <c r="G23" s="21" t="s">
        <v>42</v>
      </c>
      <c r="H23" s="20"/>
      <c r="I23" s="16">
        <v>277</v>
      </c>
      <c r="J23" s="17">
        <v>151</v>
      </c>
      <c r="K23" s="17">
        <v>126</v>
      </c>
    </row>
    <row r="24" spans="1:11" ht="15" customHeight="1">
      <c r="A24" s="20" t="s">
        <v>43</v>
      </c>
      <c r="B24" s="20"/>
      <c r="C24" s="16">
        <v>27</v>
      </c>
      <c r="D24" s="22">
        <v>14</v>
      </c>
      <c r="E24" s="22">
        <v>13</v>
      </c>
      <c r="F24" s="22"/>
      <c r="G24" s="21" t="s">
        <v>44</v>
      </c>
      <c r="H24" s="20"/>
      <c r="I24" s="16">
        <v>40</v>
      </c>
      <c r="J24" s="22">
        <v>17</v>
      </c>
      <c r="K24" s="22">
        <v>23</v>
      </c>
    </row>
    <row r="25" spans="1:11" ht="15" customHeight="1">
      <c r="A25" s="20" t="s">
        <v>45</v>
      </c>
      <c r="B25" s="20"/>
      <c r="C25" s="16">
        <v>27</v>
      </c>
      <c r="D25" s="22">
        <v>13</v>
      </c>
      <c r="E25" s="22">
        <v>14</v>
      </c>
      <c r="F25" s="22"/>
      <c r="G25" s="21" t="s">
        <v>46</v>
      </c>
      <c r="H25" s="20"/>
      <c r="I25" s="16">
        <v>52</v>
      </c>
      <c r="J25" s="22">
        <v>31</v>
      </c>
      <c r="K25" s="22">
        <v>21</v>
      </c>
    </row>
    <row r="26" spans="1:11" ht="15" customHeight="1">
      <c r="A26" s="20" t="s">
        <v>47</v>
      </c>
      <c r="B26" s="20"/>
      <c r="C26" s="16">
        <v>16</v>
      </c>
      <c r="D26" s="22">
        <v>7</v>
      </c>
      <c r="E26" s="22">
        <v>9</v>
      </c>
      <c r="F26" s="22"/>
      <c r="G26" s="21" t="s">
        <v>48</v>
      </c>
      <c r="H26" s="20"/>
      <c r="I26" s="16">
        <v>69</v>
      </c>
      <c r="J26" s="22">
        <v>49</v>
      </c>
      <c r="K26" s="22">
        <v>20</v>
      </c>
    </row>
    <row r="27" spans="1:11" ht="15" customHeight="1">
      <c r="A27" s="20" t="s">
        <v>49</v>
      </c>
      <c r="B27" s="20"/>
      <c r="C27" s="16">
        <v>26</v>
      </c>
      <c r="D27" s="22">
        <v>16</v>
      </c>
      <c r="E27" s="22">
        <v>10</v>
      </c>
      <c r="F27" s="22"/>
      <c r="G27" s="21" t="s">
        <v>50</v>
      </c>
      <c r="H27" s="20"/>
      <c r="I27" s="16">
        <v>60</v>
      </c>
      <c r="J27" s="22">
        <v>29</v>
      </c>
      <c r="K27" s="22">
        <v>31</v>
      </c>
    </row>
    <row r="28" spans="1:11" ht="15" customHeight="1">
      <c r="A28" s="20" t="s">
        <v>51</v>
      </c>
      <c r="B28" s="20"/>
      <c r="C28" s="16">
        <v>22</v>
      </c>
      <c r="D28" s="22">
        <v>13</v>
      </c>
      <c r="E28" s="22">
        <v>9</v>
      </c>
      <c r="F28" s="22"/>
      <c r="G28" s="21" t="s">
        <v>52</v>
      </c>
      <c r="H28" s="20"/>
      <c r="I28" s="16">
        <v>56</v>
      </c>
      <c r="J28" s="22">
        <v>25</v>
      </c>
      <c r="K28" s="22">
        <v>31</v>
      </c>
    </row>
    <row r="29" spans="1:11" ht="20.100000000000001" customHeight="1">
      <c r="A29" s="20" t="s">
        <v>53</v>
      </c>
      <c r="B29" s="20"/>
      <c r="C29" s="16">
        <v>93</v>
      </c>
      <c r="D29" s="17">
        <v>56</v>
      </c>
      <c r="E29" s="17">
        <v>37</v>
      </c>
      <c r="F29" s="17"/>
      <c r="G29" s="21" t="s">
        <v>54</v>
      </c>
      <c r="H29" s="20"/>
      <c r="I29" s="16">
        <v>322</v>
      </c>
      <c r="J29" s="17">
        <v>147</v>
      </c>
      <c r="K29" s="17">
        <v>175</v>
      </c>
    </row>
    <row r="30" spans="1:11" ht="15" customHeight="1">
      <c r="A30" s="20" t="s">
        <v>55</v>
      </c>
      <c r="B30" s="20"/>
      <c r="C30" s="16">
        <v>23</v>
      </c>
      <c r="D30" s="22">
        <v>14</v>
      </c>
      <c r="E30" s="22">
        <v>9</v>
      </c>
      <c r="F30" s="22"/>
      <c r="G30" s="21" t="s">
        <v>56</v>
      </c>
      <c r="H30" s="20"/>
      <c r="I30" s="16">
        <v>51</v>
      </c>
      <c r="J30" s="22">
        <v>27</v>
      </c>
      <c r="K30" s="22">
        <v>24</v>
      </c>
    </row>
    <row r="31" spans="1:11" ht="15" customHeight="1">
      <c r="A31" s="20" t="s">
        <v>57</v>
      </c>
      <c r="B31" s="20"/>
      <c r="C31" s="16">
        <v>18</v>
      </c>
      <c r="D31" s="22">
        <v>8</v>
      </c>
      <c r="E31" s="22">
        <v>10</v>
      </c>
      <c r="F31" s="22"/>
      <c r="G31" s="21" t="s">
        <v>58</v>
      </c>
      <c r="H31" s="20"/>
      <c r="I31" s="16">
        <v>61</v>
      </c>
      <c r="J31" s="22">
        <v>24</v>
      </c>
      <c r="K31" s="22">
        <v>37</v>
      </c>
    </row>
    <row r="32" spans="1:11" ht="15" customHeight="1">
      <c r="A32" s="20" t="s">
        <v>59</v>
      </c>
      <c r="B32" s="20"/>
      <c r="C32" s="16">
        <v>19</v>
      </c>
      <c r="D32" s="22">
        <v>14</v>
      </c>
      <c r="E32" s="22">
        <v>5</v>
      </c>
      <c r="F32" s="22"/>
      <c r="G32" s="21" t="s">
        <v>60</v>
      </c>
      <c r="H32" s="20"/>
      <c r="I32" s="16">
        <v>65</v>
      </c>
      <c r="J32" s="22">
        <v>24</v>
      </c>
      <c r="K32" s="22">
        <v>41</v>
      </c>
    </row>
    <row r="33" spans="1:11" ht="15" customHeight="1">
      <c r="A33" s="20" t="s">
        <v>61</v>
      </c>
      <c r="B33" s="20"/>
      <c r="C33" s="16">
        <v>13</v>
      </c>
      <c r="D33" s="22">
        <v>7</v>
      </c>
      <c r="E33" s="22">
        <v>6</v>
      </c>
      <c r="F33" s="22"/>
      <c r="G33" s="21" t="s">
        <v>62</v>
      </c>
      <c r="H33" s="20"/>
      <c r="I33" s="16">
        <v>74</v>
      </c>
      <c r="J33" s="22">
        <v>34</v>
      </c>
      <c r="K33" s="22">
        <v>40</v>
      </c>
    </row>
    <row r="34" spans="1:11" ht="15" customHeight="1">
      <c r="A34" s="20" t="s">
        <v>63</v>
      </c>
      <c r="B34" s="20"/>
      <c r="C34" s="16">
        <v>20</v>
      </c>
      <c r="D34" s="22">
        <v>13</v>
      </c>
      <c r="E34" s="22">
        <v>7</v>
      </c>
      <c r="F34" s="22"/>
      <c r="G34" s="21" t="s">
        <v>64</v>
      </c>
      <c r="H34" s="20"/>
      <c r="I34" s="16">
        <v>71</v>
      </c>
      <c r="J34" s="22">
        <v>38</v>
      </c>
      <c r="K34" s="22">
        <v>33</v>
      </c>
    </row>
    <row r="35" spans="1:11" ht="20.100000000000001" customHeight="1">
      <c r="A35" s="20" t="s">
        <v>65</v>
      </c>
      <c r="B35" s="20"/>
      <c r="C35" s="16">
        <v>69</v>
      </c>
      <c r="D35" s="17">
        <v>36</v>
      </c>
      <c r="E35" s="17">
        <v>33</v>
      </c>
      <c r="F35" s="17"/>
      <c r="G35" s="21" t="s">
        <v>66</v>
      </c>
      <c r="H35" s="20"/>
      <c r="I35" s="16">
        <v>242</v>
      </c>
      <c r="J35" s="17">
        <v>126</v>
      </c>
      <c r="K35" s="17">
        <v>116</v>
      </c>
    </row>
    <row r="36" spans="1:11" ht="15" customHeight="1">
      <c r="A36" s="20" t="s">
        <v>67</v>
      </c>
      <c r="B36" s="20"/>
      <c r="C36" s="16">
        <v>16</v>
      </c>
      <c r="D36" s="22">
        <v>6</v>
      </c>
      <c r="E36" s="22">
        <v>10</v>
      </c>
      <c r="F36" s="22"/>
      <c r="G36" s="21" t="s">
        <v>68</v>
      </c>
      <c r="H36" s="20"/>
      <c r="I36" s="16">
        <v>70</v>
      </c>
      <c r="J36" s="22">
        <v>38</v>
      </c>
      <c r="K36" s="22">
        <v>32</v>
      </c>
    </row>
    <row r="37" spans="1:11" ht="15" customHeight="1">
      <c r="A37" s="20" t="s">
        <v>69</v>
      </c>
      <c r="B37" s="20"/>
      <c r="C37" s="16">
        <v>12</v>
      </c>
      <c r="D37" s="22">
        <v>8</v>
      </c>
      <c r="E37" s="22">
        <v>4</v>
      </c>
      <c r="F37" s="22"/>
      <c r="G37" s="21" t="s">
        <v>70</v>
      </c>
      <c r="H37" s="20"/>
      <c r="I37" s="16">
        <v>44</v>
      </c>
      <c r="J37" s="22">
        <v>24</v>
      </c>
      <c r="K37" s="22">
        <v>20</v>
      </c>
    </row>
    <row r="38" spans="1:11" ht="15" customHeight="1">
      <c r="A38" s="20" t="s">
        <v>71</v>
      </c>
      <c r="B38" s="20"/>
      <c r="C38" s="16">
        <v>9</v>
      </c>
      <c r="D38" s="22">
        <v>1</v>
      </c>
      <c r="E38" s="22">
        <v>8</v>
      </c>
      <c r="F38" s="22"/>
      <c r="G38" s="21" t="s">
        <v>72</v>
      </c>
      <c r="H38" s="20"/>
      <c r="I38" s="16">
        <v>41</v>
      </c>
      <c r="J38" s="22">
        <v>18</v>
      </c>
      <c r="K38" s="22">
        <v>23</v>
      </c>
    </row>
    <row r="39" spans="1:11" ht="15" customHeight="1">
      <c r="A39" s="20" t="s">
        <v>73</v>
      </c>
      <c r="B39" s="20"/>
      <c r="C39" s="16">
        <v>21</v>
      </c>
      <c r="D39" s="22">
        <v>16</v>
      </c>
      <c r="E39" s="22">
        <v>5</v>
      </c>
      <c r="F39" s="22"/>
      <c r="G39" s="21" t="s">
        <v>74</v>
      </c>
      <c r="H39" s="20"/>
      <c r="I39" s="16">
        <v>47</v>
      </c>
      <c r="J39" s="22">
        <v>23</v>
      </c>
      <c r="K39" s="22">
        <v>24</v>
      </c>
    </row>
    <row r="40" spans="1:11" ht="15" customHeight="1">
      <c r="A40" s="20" t="s">
        <v>75</v>
      </c>
      <c r="B40" s="20"/>
      <c r="C40" s="16">
        <v>11</v>
      </c>
      <c r="D40" s="22">
        <v>5</v>
      </c>
      <c r="E40" s="22">
        <v>6</v>
      </c>
      <c r="F40" s="22"/>
      <c r="G40" s="21" t="s">
        <v>76</v>
      </c>
      <c r="H40" s="20"/>
      <c r="I40" s="16">
        <v>40</v>
      </c>
      <c r="J40" s="22">
        <v>23</v>
      </c>
      <c r="K40" s="22">
        <v>17</v>
      </c>
    </row>
    <row r="41" spans="1:11" ht="20.100000000000001" customHeight="1">
      <c r="A41" s="20" t="s">
        <v>77</v>
      </c>
      <c r="B41" s="20"/>
      <c r="C41" s="16">
        <v>96</v>
      </c>
      <c r="D41" s="17">
        <v>52</v>
      </c>
      <c r="E41" s="17">
        <v>44</v>
      </c>
      <c r="F41" s="17"/>
      <c r="G41" s="21" t="s">
        <v>78</v>
      </c>
      <c r="H41" s="20"/>
      <c r="I41" s="16">
        <v>161</v>
      </c>
      <c r="J41" s="17">
        <v>77</v>
      </c>
      <c r="K41" s="17">
        <v>84</v>
      </c>
    </row>
    <row r="42" spans="1:11" ht="15" customHeight="1">
      <c r="A42" s="20" t="s">
        <v>79</v>
      </c>
      <c r="B42" s="20"/>
      <c r="C42" s="16">
        <v>19</v>
      </c>
      <c r="D42" s="22">
        <v>10</v>
      </c>
      <c r="E42" s="22">
        <v>9</v>
      </c>
      <c r="F42" s="22"/>
      <c r="G42" s="21" t="s">
        <v>80</v>
      </c>
      <c r="H42" s="20"/>
      <c r="I42" s="16">
        <v>43</v>
      </c>
      <c r="J42" s="22">
        <v>24</v>
      </c>
      <c r="K42" s="22">
        <v>19</v>
      </c>
    </row>
    <row r="43" spans="1:11" ht="15" customHeight="1">
      <c r="A43" s="20" t="s">
        <v>81</v>
      </c>
      <c r="B43" s="20"/>
      <c r="C43" s="16">
        <v>14</v>
      </c>
      <c r="D43" s="22">
        <v>8</v>
      </c>
      <c r="E43" s="22">
        <v>6</v>
      </c>
      <c r="F43" s="22"/>
      <c r="G43" s="21" t="s">
        <v>82</v>
      </c>
      <c r="H43" s="20"/>
      <c r="I43" s="16">
        <v>37</v>
      </c>
      <c r="J43" s="22">
        <v>17</v>
      </c>
      <c r="K43" s="22">
        <v>20</v>
      </c>
    </row>
    <row r="44" spans="1:11" ht="15" customHeight="1">
      <c r="A44" s="20" t="s">
        <v>83</v>
      </c>
      <c r="B44" s="20"/>
      <c r="C44" s="16">
        <v>20</v>
      </c>
      <c r="D44" s="22">
        <v>9</v>
      </c>
      <c r="E44" s="22">
        <v>11</v>
      </c>
      <c r="F44" s="22"/>
      <c r="G44" s="21" t="s">
        <v>84</v>
      </c>
      <c r="H44" s="20"/>
      <c r="I44" s="16">
        <v>34</v>
      </c>
      <c r="J44" s="22">
        <v>15</v>
      </c>
      <c r="K44" s="22">
        <v>19</v>
      </c>
    </row>
    <row r="45" spans="1:11" ht="15" customHeight="1">
      <c r="A45" s="20" t="s">
        <v>85</v>
      </c>
      <c r="B45" s="20"/>
      <c r="C45" s="16">
        <v>19</v>
      </c>
      <c r="D45" s="22">
        <v>12</v>
      </c>
      <c r="E45" s="22">
        <v>7</v>
      </c>
      <c r="F45" s="22"/>
      <c r="G45" s="21" t="s">
        <v>86</v>
      </c>
      <c r="H45" s="20"/>
      <c r="I45" s="16">
        <v>26</v>
      </c>
      <c r="J45" s="22">
        <v>12</v>
      </c>
      <c r="K45" s="22">
        <v>14</v>
      </c>
    </row>
    <row r="46" spans="1:11" ht="15" customHeight="1">
      <c r="A46" s="20" t="s">
        <v>87</v>
      </c>
      <c r="B46" s="20"/>
      <c r="C46" s="16">
        <v>24</v>
      </c>
      <c r="D46" s="22">
        <v>13</v>
      </c>
      <c r="E46" s="22">
        <v>11</v>
      </c>
      <c r="F46" s="22"/>
      <c r="G46" s="21" t="s">
        <v>88</v>
      </c>
      <c r="H46" s="20"/>
      <c r="I46" s="16">
        <v>21</v>
      </c>
      <c r="J46" s="22">
        <v>9</v>
      </c>
      <c r="K46" s="22">
        <v>12</v>
      </c>
    </row>
    <row r="47" spans="1:11" ht="20.100000000000001" customHeight="1">
      <c r="A47" s="20" t="s">
        <v>89</v>
      </c>
      <c r="B47" s="20"/>
      <c r="C47" s="16">
        <v>140</v>
      </c>
      <c r="D47" s="17">
        <v>77</v>
      </c>
      <c r="E47" s="17">
        <v>63</v>
      </c>
      <c r="F47" s="17"/>
      <c r="G47" s="21" t="s">
        <v>90</v>
      </c>
      <c r="H47" s="20"/>
      <c r="I47" s="16">
        <v>97</v>
      </c>
      <c r="J47" s="17">
        <v>30</v>
      </c>
      <c r="K47" s="17">
        <v>67</v>
      </c>
    </row>
    <row r="48" spans="1:11" ht="15" customHeight="1">
      <c r="A48" s="20" t="s">
        <v>91</v>
      </c>
      <c r="B48" s="20"/>
      <c r="C48" s="16">
        <v>20</v>
      </c>
      <c r="D48" s="22">
        <v>11</v>
      </c>
      <c r="E48" s="22">
        <v>9</v>
      </c>
      <c r="F48" s="22"/>
      <c r="G48" s="21" t="s">
        <v>92</v>
      </c>
      <c r="H48" s="20"/>
      <c r="I48" s="16">
        <v>18</v>
      </c>
      <c r="J48" s="22">
        <v>7</v>
      </c>
      <c r="K48" s="22">
        <v>11</v>
      </c>
    </row>
    <row r="49" spans="1:11" ht="15" customHeight="1">
      <c r="A49" s="20" t="s">
        <v>93</v>
      </c>
      <c r="B49" s="20"/>
      <c r="C49" s="16">
        <v>25</v>
      </c>
      <c r="D49" s="22">
        <v>11</v>
      </c>
      <c r="E49" s="22">
        <v>14</v>
      </c>
      <c r="F49" s="22"/>
      <c r="G49" s="21" t="s">
        <v>94</v>
      </c>
      <c r="H49" s="20"/>
      <c r="I49" s="16">
        <v>32</v>
      </c>
      <c r="J49" s="22">
        <v>8</v>
      </c>
      <c r="K49" s="22">
        <v>24</v>
      </c>
    </row>
    <row r="50" spans="1:11" ht="15" customHeight="1">
      <c r="A50" s="20" t="s">
        <v>95</v>
      </c>
      <c r="B50" s="20"/>
      <c r="C50" s="16">
        <v>25</v>
      </c>
      <c r="D50" s="22">
        <v>16</v>
      </c>
      <c r="E50" s="22">
        <v>9</v>
      </c>
      <c r="F50" s="22"/>
      <c r="G50" s="21" t="s">
        <v>96</v>
      </c>
      <c r="H50" s="20"/>
      <c r="I50" s="16">
        <v>18</v>
      </c>
      <c r="J50" s="22">
        <v>9</v>
      </c>
      <c r="K50" s="22">
        <v>9</v>
      </c>
    </row>
    <row r="51" spans="1:11" ht="15" customHeight="1">
      <c r="A51" s="20" t="s">
        <v>97</v>
      </c>
      <c r="B51" s="20"/>
      <c r="C51" s="16">
        <v>45</v>
      </c>
      <c r="D51" s="22">
        <v>23</v>
      </c>
      <c r="E51" s="22">
        <v>22</v>
      </c>
      <c r="F51" s="22"/>
      <c r="G51" s="21" t="s">
        <v>98</v>
      </c>
      <c r="H51" s="20"/>
      <c r="I51" s="16">
        <v>18</v>
      </c>
      <c r="J51" s="22">
        <v>3</v>
      </c>
      <c r="K51" s="22">
        <v>15</v>
      </c>
    </row>
    <row r="52" spans="1:11" ht="15" customHeight="1">
      <c r="A52" s="20" t="s">
        <v>99</v>
      </c>
      <c r="B52" s="20"/>
      <c r="C52" s="16">
        <v>25</v>
      </c>
      <c r="D52" s="22">
        <v>16</v>
      </c>
      <c r="E52" s="22">
        <v>9</v>
      </c>
      <c r="F52" s="22"/>
      <c r="G52" s="21" t="s">
        <v>100</v>
      </c>
      <c r="H52" s="20"/>
      <c r="I52" s="16">
        <v>11</v>
      </c>
      <c r="J52" s="22">
        <v>3</v>
      </c>
      <c r="K52" s="22">
        <v>8</v>
      </c>
    </row>
    <row r="53" spans="1:11" ht="20.100000000000001" customHeight="1">
      <c r="A53" s="20" t="s">
        <v>101</v>
      </c>
      <c r="B53" s="20"/>
      <c r="C53" s="16">
        <v>172</v>
      </c>
      <c r="D53" s="17">
        <v>83</v>
      </c>
      <c r="E53" s="17">
        <v>89</v>
      </c>
      <c r="F53" s="17"/>
      <c r="G53" s="21" t="s">
        <v>102</v>
      </c>
      <c r="H53" s="20"/>
      <c r="I53" s="16">
        <v>41</v>
      </c>
      <c r="J53" s="17">
        <v>11</v>
      </c>
      <c r="K53" s="17">
        <v>30</v>
      </c>
    </row>
    <row r="54" spans="1:11" ht="15" customHeight="1">
      <c r="A54" s="20" t="s">
        <v>103</v>
      </c>
      <c r="B54" s="20"/>
      <c r="C54" s="16">
        <v>31</v>
      </c>
      <c r="D54" s="22">
        <v>18</v>
      </c>
      <c r="E54" s="22">
        <v>13</v>
      </c>
      <c r="F54" s="22"/>
      <c r="G54" s="21" t="s">
        <v>104</v>
      </c>
      <c r="H54" s="20"/>
      <c r="I54" s="16">
        <v>13</v>
      </c>
      <c r="J54" s="22">
        <v>3</v>
      </c>
      <c r="K54" s="22">
        <v>10</v>
      </c>
    </row>
    <row r="55" spans="1:11" ht="15" customHeight="1">
      <c r="A55" s="20" t="s">
        <v>105</v>
      </c>
      <c r="B55" s="20"/>
      <c r="C55" s="16">
        <v>33</v>
      </c>
      <c r="D55" s="22">
        <v>14</v>
      </c>
      <c r="E55" s="22">
        <v>19</v>
      </c>
      <c r="F55" s="22"/>
      <c r="G55" s="21" t="s">
        <v>106</v>
      </c>
      <c r="H55" s="20"/>
      <c r="I55" s="16">
        <v>6</v>
      </c>
      <c r="J55" s="22">
        <v>1</v>
      </c>
      <c r="K55" s="22">
        <v>5</v>
      </c>
    </row>
    <row r="56" spans="1:11" ht="15" customHeight="1">
      <c r="A56" s="20" t="s">
        <v>107</v>
      </c>
      <c r="B56" s="20"/>
      <c r="C56" s="16">
        <v>39</v>
      </c>
      <c r="D56" s="22">
        <v>17</v>
      </c>
      <c r="E56" s="22">
        <v>22</v>
      </c>
      <c r="F56" s="22"/>
      <c r="G56" s="21" t="s">
        <v>108</v>
      </c>
      <c r="H56" s="20"/>
      <c r="I56" s="16">
        <v>11</v>
      </c>
      <c r="J56" s="22">
        <v>6</v>
      </c>
      <c r="K56" s="22">
        <v>5</v>
      </c>
    </row>
    <row r="57" spans="1:11" ht="15" customHeight="1">
      <c r="A57" s="20" t="s">
        <v>109</v>
      </c>
      <c r="B57" s="20"/>
      <c r="C57" s="16">
        <v>33</v>
      </c>
      <c r="D57" s="22">
        <v>16</v>
      </c>
      <c r="E57" s="22">
        <v>17</v>
      </c>
      <c r="F57" s="22"/>
      <c r="G57" s="21" t="s">
        <v>110</v>
      </c>
      <c r="H57" s="20"/>
      <c r="I57" s="16">
        <v>4</v>
      </c>
      <c r="J57" s="22">
        <v>1</v>
      </c>
      <c r="K57" s="22">
        <v>3</v>
      </c>
    </row>
    <row r="58" spans="1:11" ht="15" customHeight="1">
      <c r="A58" s="20" t="s">
        <v>111</v>
      </c>
      <c r="B58" s="20"/>
      <c r="C58" s="16">
        <v>36</v>
      </c>
      <c r="D58" s="22">
        <v>18</v>
      </c>
      <c r="E58" s="22">
        <v>18</v>
      </c>
      <c r="F58" s="22"/>
      <c r="G58" s="21" t="s">
        <v>112</v>
      </c>
      <c r="H58" s="20"/>
      <c r="I58" s="16">
        <v>7</v>
      </c>
      <c r="J58" s="22">
        <v>0</v>
      </c>
      <c r="K58" s="22">
        <v>7</v>
      </c>
    </row>
    <row r="59" spans="1:11" ht="20.100000000000001" customHeight="1">
      <c r="A59" s="20" t="s">
        <v>113</v>
      </c>
      <c r="B59" s="20"/>
      <c r="C59" s="16">
        <v>207</v>
      </c>
      <c r="D59" s="17">
        <v>123</v>
      </c>
      <c r="E59" s="17">
        <v>84</v>
      </c>
      <c r="F59" s="17"/>
      <c r="G59" s="21" t="s">
        <v>114</v>
      </c>
      <c r="H59" s="20"/>
      <c r="I59" s="16">
        <v>12</v>
      </c>
      <c r="J59" s="17">
        <v>4</v>
      </c>
      <c r="K59" s="17">
        <v>8</v>
      </c>
    </row>
    <row r="60" spans="1:11" ht="15" customHeight="1">
      <c r="A60" s="20" t="s">
        <v>115</v>
      </c>
      <c r="B60" s="20"/>
      <c r="C60" s="16">
        <v>42</v>
      </c>
      <c r="D60" s="22">
        <v>27</v>
      </c>
      <c r="E60" s="22">
        <v>15</v>
      </c>
      <c r="F60" s="22"/>
      <c r="G60" s="21" t="s">
        <v>116</v>
      </c>
      <c r="H60" s="20"/>
      <c r="I60" s="16">
        <v>5</v>
      </c>
      <c r="J60" s="22">
        <v>2</v>
      </c>
      <c r="K60" s="22">
        <v>3</v>
      </c>
    </row>
    <row r="61" spans="1:11" ht="15" customHeight="1">
      <c r="A61" s="20" t="s">
        <v>117</v>
      </c>
      <c r="B61" s="20"/>
      <c r="C61" s="16">
        <v>46</v>
      </c>
      <c r="D61" s="22">
        <v>24</v>
      </c>
      <c r="E61" s="22">
        <v>22</v>
      </c>
      <c r="F61" s="22"/>
      <c r="G61" s="21" t="s">
        <v>118</v>
      </c>
      <c r="H61" s="20"/>
      <c r="I61" s="16">
        <v>6</v>
      </c>
      <c r="J61" s="22">
        <v>2</v>
      </c>
      <c r="K61" s="22">
        <v>4</v>
      </c>
    </row>
    <row r="62" spans="1:11" ht="15" customHeight="1">
      <c r="A62" s="20" t="s">
        <v>119</v>
      </c>
      <c r="B62" s="20"/>
      <c r="C62" s="16">
        <v>44</v>
      </c>
      <c r="D62" s="22">
        <v>31</v>
      </c>
      <c r="E62" s="22">
        <v>13</v>
      </c>
      <c r="F62" s="22"/>
      <c r="G62" s="21" t="s">
        <v>120</v>
      </c>
      <c r="H62" s="20"/>
      <c r="I62" s="16">
        <v>0</v>
      </c>
      <c r="J62" s="22">
        <v>0</v>
      </c>
      <c r="K62" s="22">
        <v>0</v>
      </c>
    </row>
    <row r="63" spans="1:11" ht="15" customHeight="1">
      <c r="A63" s="20" t="s">
        <v>121</v>
      </c>
      <c r="B63" s="20"/>
      <c r="C63" s="16">
        <v>38</v>
      </c>
      <c r="D63" s="22">
        <v>22</v>
      </c>
      <c r="E63" s="22">
        <v>16</v>
      </c>
      <c r="F63" s="22"/>
      <c r="G63" s="21" t="s">
        <v>122</v>
      </c>
      <c r="H63" s="20"/>
      <c r="I63" s="16">
        <v>1</v>
      </c>
      <c r="J63" s="22">
        <v>0</v>
      </c>
      <c r="K63" s="22">
        <v>1</v>
      </c>
    </row>
    <row r="64" spans="1:11" ht="15" customHeight="1">
      <c r="A64" s="20" t="s">
        <v>123</v>
      </c>
      <c r="B64" s="20"/>
      <c r="C64" s="16">
        <v>37</v>
      </c>
      <c r="D64" s="22">
        <v>19</v>
      </c>
      <c r="E64" s="22">
        <v>18</v>
      </c>
      <c r="F64" s="22"/>
      <c r="G64" s="21" t="s">
        <v>124</v>
      </c>
      <c r="H64" s="20"/>
      <c r="I64" s="16">
        <v>0</v>
      </c>
      <c r="J64" s="22">
        <v>0</v>
      </c>
      <c r="K64" s="22">
        <v>0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0</v>
      </c>
      <c r="J65" s="22">
        <v>0</v>
      </c>
      <c r="K65" s="22">
        <v>0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0</v>
      </c>
      <c r="J66" s="32">
        <v>0</v>
      </c>
      <c r="K66" s="32">
        <v>0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6"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91</v>
      </c>
      <c r="B2" s="7"/>
      <c r="C2" s="9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315618</v>
      </c>
      <c r="D4" s="17">
        <v>651482</v>
      </c>
      <c r="E4" s="17">
        <v>664136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44347</v>
      </c>
      <c r="D5" s="17">
        <v>22692</v>
      </c>
      <c r="E5" s="17">
        <v>21655</v>
      </c>
      <c r="F5" s="17"/>
      <c r="G5" s="21" t="s">
        <v>6</v>
      </c>
      <c r="H5" s="20"/>
      <c r="I5" s="16">
        <v>107601</v>
      </c>
      <c r="J5" s="17">
        <v>55055</v>
      </c>
      <c r="K5" s="17">
        <v>52546</v>
      </c>
    </row>
    <row r="6" spans="1:11" ht="15" customHeight="1">
      <c r="A6" s="20" t="s">
        <v>7</v>
      </c>
      <c r="B6" s="20"/>
      <c r="C6" s="16">
        <v>8112</v>
      </c>
      <c r="D6" s="22">
        <v>4107</v>
      </c>
      <c r="E6" s="22">
        <v>4005</v>
      </c>
      <c r="F6" s="22"/>
      <c r="G6" s="21" t="s">
        <v>8</v>
      </c>
      <c r="H6" s="20"/>
      <c r="I6" s="16">
        <v>22331</v>
      </c>
      <c r="J6" s="22">
        <v>11318</v>
      </c>
      <c r="K6" s="22">
        <v>11013</v>
      </c>
    </row>
    <row r="7" spans="1:11" ht="15" customHeight="1">
      <c r="A7" s="20" t="s">
        <v>9</v>
      </c>
      <c r="B7" s="20"/>
      <c r="C7" s="16">
        <v>8435</v>
      </c>
      <c r="D7" s="22">
        <v>4288</v>
      </c>
      <c r="E7" s="22">
        <v>4147</v>
      </c>
      <c r="F7" s="22"/>
      <c r="G7" s="21" t="s">
        <v>10</v>
      </c>
      <c r="H7" s="20"/>
      <c r="I7" s="16">
        <v>22054</v>
      </c>
      <c r="J7" s="22">
        <v>11184</v>
      </c>
      <c r="K7" s="22">
        <v>10870</v>
      </c>
    </row>
    <row r="8" spans="1:11" ht="15" customHeight="1">
      <c r="A8" s="20" t="s">
        <v>11</v>
      </c>
      <c r="B8" s="20"/>
      <c r="C8" s="16">
        <v>8874</v>
      </c>
      <c r="D8" s="22">
        <v>4567</v>
      </c>
      <c r="E8" s="22">
        <v>4307</v>
      </c>
      <c r="F8" s="22"/>
      <c r="G8" s="21" t="s">
        <v>12</v>
      </c>
      <c r="H8" s="20"/>
      <c r="I8" s="16">
        <v>21590</v>
      </c>
      <c r="J8" s="22">
        <v>11068</v>
      </c>
      <c r="K8" s="22">
        <v>10522</v>
      </c>
    </row>
    <row r="9" spans="1:11" ht="15" customHeight="1">
      <c r="A9" s="20" t="s">
        <v>13</v>
      </c>
      <c r="B9" s="20"/>
      <c r="C9" s="16">
        <v>9243</v>
      </c>
      <c r="D9" s="22">
        <v>4795</v>
      </c>
      <c r="E9" s="22">
        <v>4448</v>
      </c>
      <c r="F9" s="22"/>
      <c r="G9" s="21" t="s">
        <v>14</v>
      </c>
      <c r="H9" s="20"/>
      <c r="I9" s="16">
        <v>20905</v>
      </c>
      <c r="J9" s="22">
        <v>10774</v>
      </c>
      <c r="K9" s="22">
        <v>10131</v>
      </c>
    </row>
    <row r="10" spans="1:11" ht="15" customHeight="1">
      <c r="A10" s="20" t="s">
        <v>15</v>
      </c>
      <c r="B10" s="20"/>
      <c r="C10" s="16">
        <v>9683</v>
      </c>
      <c r="D10" s="22">
        <v>4935</v>
      </c>
      <c r="E10" s="22">
        <v>4748</v>
      </c>
      <c r="F10" s="22"/>
      <c r="G10" s="21" t="s">
        <v>16</v>
      </c>
      <c r="H10" s="20"/>
      <c r="I10" s="16">
        <v>20721</v>
      </c>
      <c r="J10" s="22">
        <v>10711</v>
      </c>
      <c r="K10" s="22">
        <v>10010</v>
      </c>
    </row>
    <row r="11" spans="1:11" ht="20.100000000000001" customHeight="1">
      <c r="A11" s="20" t="s">
        <v>17</v>
      </c>
      <c r="B11" s="20"/>
      <c r="C11" s="16">
        <v>53060</v>
      </c>
      <c r="D11" s="17">
        <v>27271</v>
      </c>
      <c r="E11" s="17">
        <v>25789</v>
      </c>
      <c r="F11" s="17"/>
      <c r="G11" s="21" t="s">
        <v>18</v>
      </c>
      <c r="H11" s="20"/>
      <c r="I11" s="16">
        <v>89832</v>
      </c>
      <c r="J11" s="17">
        <v>46463</v>
      </c>
      <c r="K11" s="17">
        <v>43369</v>
      </c>
    </row>
    <row r="12" spans="1:11" ht="15" customHeight="1">
      <c r="A12" s="20" t="s">
        <v>19</v>
      </c>
      <c r="B12" s="20"/>
      <c r="C12" s="16">
        <v>9897</v>
      </c>
      <c r="D12" s="22">
        <v>5061</v>
      </c>
      <c r="E12" s="22">
        <v>4836</v>
      </c>
      <c r="F12" s="22"/>
      <c r="G12" s="21" t="s">
        <v>20</v>
      </c>
      <c r="H12" s="20"/>
      <c r="I12" s="16">
        <v>21206</v>
      </c>
      <c r="J12" s="22">
        <v>11090</v>
      </c>
      <c r="K12" s="22">
        <v>10116</v>
      </c>
    </row>
    <row r="13" spans="1:11" ht="15" customHeight="1">
      <c r="A13" s="20" t="s">
        <v>21</v>
      </c>
      <c r="B13" s="20"/>
      <c r="C13" s="16">
        <v>10586</v>
      </c>
      <c r="D13" s="22">
        <v>5452</v>
      </c>
      <c r="E13" s="22">
        <v>5134</v>
      </c>
      <c r="F13" s="22"/>
      <c r="G13" s="21" t="s">
        <v>22</v>
      </c>
      <c r="H13" s="20"/>
      <c r="I13" s="16">
        <v>14920</v>
      </c>
      <c r="J13" s="22">
        <v>7749</v>
      </c>
      <c r="K13" s="22">
        <v>7171</v>
      </c>
    </row>
    <row r="14" spans="1:11" ht="15" customHeight="1">
      <c r="A14" s="20" t="s">
        <v>23</v>
      </c>
      <c r="B14" s="20"/>
      <c r="C14" s="16">
        <v>10728</v>
      </c>
      <c r="D14" s="22">
        <v>5471</v>
      </c>
      <c r="E14" s="22">
        <v>5257</v>
      </c>
      <c r="F14" s="22"/>
      <c r="G14" s="21" t="s">
        <v>24</v>
      </c>
      <c r="H14" s="20"/>
      <c r="I14" s="16">
        <v>19227</v>
      </c>
      <c r="J14" s="22">
        <v>9853</v>
      </c>
      <c r="K14" s="22">
        <v>9374</v>
      </c>
    </row>
    <row r="15" spans="1:11" ht="15" customHeight="1">
      <c r="A15" s="20" t="s">
        <v>25</v>
      </c>
      <c r="B15" s="20"/>
      <c r="C15" s="16">
        <v>10747</v>
      </c>
      <c r="D15" s="22">
        <v>5605</v>
      </c>
      <c r="E15" s="22">
        <v>5142</v>
      </c>
      <c r="F15" s="22"/>
      <c r="G15" s="21" t="s">
        <v>26</v>
      </c>
      <c r="H15" s="20"/>
      <c r="I15" s="16">
        <v>17815</v>
      </c>
      <c r="J15" s="22">
        <v>9160</v>
      </c>
      <c r="K15" s="22">
        <v>8655</v>
      </c>
    </row>
    <row r="16" spans="1:11" ht="15" customHeight="1">
      <c r="A16" s="20" t="s">
        <v>27</v>
      </c>
      <c r="B16" s="20"/>
      <c r="C16" s="16">
        <v>11102</v>
      </c>
      <c r="D16" s="22">
        <v>5682</v>
      </c>
      <c r="E16" s="22">
        <v>5420</v>
      </c>
      <c r="F16" s="22"/>
      <c r="G16" s="21" t="s">
        <v>28</v>
      </c>
      <c r="H16" s="20"/>
      <c r="I16" s="16">
        <v>16664</v>
      </c>
      <c r="J16" s="22">
        <v>8611</v>
      </c>
      <c r="K16" s="22">
        <v>8053</v>
      </c>
    </row>
    <row r="17" spans="1:11" ht="20.100000000000001" customHeight="1">
      <c r="A17" s="24" t="s">
        <v>29</v>
      </c>
      <c r="B17" s="24"/>
      <c r="C17" s="16">
        <v>57306</v>
      </c>
      <c r="D17" s="17">
        <v>29215</v>
      </c>
      <c r="E17" s="17">
        <v>28091</v>
      </c>
      <c r="F17" s="17"/>
      <c r="G17" s="21" t="s">
        <v>30</v>
      </c>
      <c r="H17" s="20"/>
      <c r="I17" s="16">
        <v>74172</v>
      </c>
      <c r="J17" s="17">
        <v>37462</v>
      </c>
      <c r="K17" s="17">
        <v>36710</v>
      </c>
    </row>
    <row r="18" spans="1:11" ht="15" customHeight="1">
      <c r="A18" s="20" t="s">
        <v>31</v>
      </c>
      <c r="B18" s="20"/>
      <c r="C18" s="16">
        <v>11109</v>
      </c>
      <c r="D18" s="22">
        <v>5680</v>
      </c>
      <c r="E18" s="22">
        <v>5429</v>
      </c>
      <c r="F18" s="22"/>
      <c r="G18" s="21" t="s">
        <v>32</v>
      </c>
      <c r="H18" s="20"/>
      <c r="I18" s="16">
        <v>15635</v>
      </c>
      <c r="J18" s="22">
        <v>8054</v>
      </c>
      <c r="K18" s="22">
        <v>7581</v>
      </c>
    </row>
    <row r="19" spans="1:11" ht="15" customHeight="1">
      <c r="A19" s="20" t="s">
        <v>33</v>
      </c>
      <c r="B19" s="20"/>
      <c r="C19" s="16">
        <v>11347</v>
      </c>
      <c r="D19" s="22">
        <v>5785</v>
      </c>
      <c r="E19" s="22">
        <v>5562</v>
      </c>
      <c r="F19" s="22"/>
      <c r="G19" s="21" t="s">
        <v>34</v>
      </c>
      <c r="H19" s="20"/>
      <c r="I19" s="16">
        <v>15167</v>
      </c>
      <c r="J19" s="22">
        <v>7629</v>
      </c>
      <c r="K19" s="22">
        <v>7538</v>
      </c>
    </row>
    <row r="20" spans="1:11" ht="15" customHeight="1">
      <c r="A20" s="20" t="s">
        <v>35</v>
      </c>
      <c r="B20" s="20"/>
      <c r="C20" s="16">
        <v>11373</v>
      </c>
      <c r="D20" s="22">
        <v>5819</v>
      </c>
      <c r="E20" s="22">
        <v>5554</v>
      </c>
      <c r="F20" s="22"/>
      <c r="G20" s="21" t="s">
        <v>36</v>
      </c>
      <c r="H20" s="20"/>
      <c r="I20" s="16">
        <v>14660</v>
      </c>
      <c r="J20" s="22">
        <v>7357</v>
      </c>
      <c r="K20" s="22">
        <v>7303</v>
      </c>
    </row>
    <row r="21" spans="1:11" ht="15" customHeight="1">
      <c r="A21" s="20" t="s">
        <v>37</v>
      </c>
      <c r="B21" s="20"/>
      <c r="C21" s="16">
        <v>11621</v>
      </c>
      <c r="D21" s="22">
        <v>5867</v>
      </c>
      <c r="E21" s="22">
        <v>5754</v>
      </c>
      <c r="F21" s="22"/>
      <c r="G21" s="21" t="s">
        <v>38</v>
      </c>
      <c r="H21" s="20"/>
      <c r="I21" s="16">
        <v>14247</v>
      </c>
      <c r="J21" s="22">
        <v>7222</v>
      </c>
      <c r="K21" s="22">
        <v>7025</v>
      </c>
    </row>
    <row r="22" spans="1:11" ht="15" customHeight="1">
      <c r="A22" s="20" t="s">
        <v>39</v>
      </c>
      <c r="B22" s="20"/>
      <c r="C22" s="16">
        <v>11856</v>
      </c>
      <c r="D22" s="22">
        <v>6064</v>
      </c>
      <c r="E22" s="22">
        <v>5792</v>
      </c>
      <c r="F22" s="22"/>
      <c r="G22" s="21" t="s">
        <v>40</v>
      </c>
      <c r="H22" s="20"/>
      <c r="I22" s="16">
        <v>14463</v>
      </c>
      <c r="J22" s="22">
        <v>7200</v>
      </c>
      <c r="K22" s="22">
        <v>7263</v>
      </c>
    </row>
    <row r="23" spans="1:11" ht="20.100000000000001" customHeight="1">
      <c r="A23" s="20" t="s">
        <v>41</v>
      </c>
      <c r="B23" s="20"/>
      <c r="C23" s="16">
        <v>59978</v>
      </c>
      <c r="D23" s="17">
        <v>30601</v>
      </c>
      <c r="E23" s="17">
        <v>29377</v>
      </c>
      <c r="F23" s="17"/>
      <c r="G23" s="21" t="s">
        <v>42</v>
      </c>
      <c r="H23" s="20"/>
      <c r="I23" s="16">
        <v>69510</v>
      </c>
      <c r="J23" s="17">
        <v>34034</v>
      </c>
      <c r="K23" s="17">
        <v>35476</v>
      </c>
    </row>
    <row r="24" spans="1:11" ht="15" customHeight="1">
      <c r="A24" s="20" t="s">
        <v>43</v>
      </c>
      <c r="B24" s="20"/>
      <c r="C24" s="16">
        <v>11763</v>
      </c>
      <c r="D24" s="22">
        <v>6049</v>
      </c>
      <c r="E24" s="22">
        <v>5714</v>
      </c>
      <c r="F24" s="22"/>
      <c r="G24" s="21" t="s">
        <v>44</v>
      </c>
      <c r="H24" s="20"/>
      <c r="I24" s="16">
        <v>13122</v>
      </c>
      <c r="J24" s="22">
        <v>6522</v>
      </c>
      <c r="K24" s="22">
        <v>6600</v>
      </c>
    </row>
    <row r="25" spans="1:11" ht="15" customHeight="1">
      <c r="A25" s="20" t="s">
        <v>45</v>
      </c>
      <c r="B25" s="20"/>
      <c r="C25" s="16">
        <v>11732</v>
      </c>
      <c r="D25" s="22">
        <v>6039</v>
      </c>
      <c r="E25" s="22">
        <v>5693</v>
      </c>
      <c r="F25" s="22"/>
      <c r="G25" s="21" t="s">
        <v>46</v>
      </c>
      <c r="H25" s="20"/>
      <c r="I25" s="16">
        <v>13519</v>
      </c>
      <c r="J25" s="22">
        <v>6674</v>
      </c>
      <c r="K25" s="22">
        <v>6845</v>
      </c>
    </row>
    <row r="26" spans="1:11" ht="15" customHeight="1">
      <c r="A26" s="20" t="s">
        <v>47</v>
      </c>
      <c r="B26" s="20"/>
      <c r="C26" s="16">
        <v>11494</v>
      </c>
      <c r="D26" s="22">
        <v>5785</v>
      </c>
      <c r="E26" s="22">
        <v>5709</v>
      </c>
      <c r="F26" s="22"/>
      <c r="G26" s="21" t="s">
        <v>48</v>
      </c>
      <c r="H26" s="20"/>
      <c r="I26" s="16">
        <v>14184</v>
      </c>
      <c r="J26" s="22">
        <v>6963</v>
      </c>
      <c r="K26" s="22">
        <v>7221</v>
      </c>
    </row>
    <row r="27" spans="1:11" ht="15" customHeight="1">
      <c r="A27" s="20" t="s">
        <v>49</v>
      </c>
      <c r="B27" s="20"/>
      <c r="C27" s="16">
        <v>12342</v>
      </c>
      <c r="D27" s="22">
        <v>6226</v>
      </c>
      <c r="E27" s="22">
        <v>6116</v>
      </c>
      <c r="F27" s="22"/>
      <c r="G27" s="21" t="s">
        <v>50</v>
      </c>
      <c r="H27" s="20"/>
      <c r="I27" s="16">
        <v>14124</v>
      </c>
      <c r="J27" s="22">
        <v>6964</v>
      </c>
      <c r="K27" s="22">
        <v>7160</v>
      </c>
    </row>
    <row r="28" spans="1:11" ht="15" customHeight="1">
      <c r="A28" s="20" t="s">
        <v>51</v>
      </c>
      <c r="B28" s="20"/>
      <c r="C28" s="16">
        <v>12647</v>
      </c>
      <c r="D28" s="22">
        <v>6502</v>
      </c>
      <c r="E28" s="22">
        <v>6145</v>
      </c>
      <c r="F28" s="22"/>
      <c r="G28" s="21" t="s">
        <v>52</v>
      </c>
      <c r="H28" s="20"/>
      <c r="I28" s="16">
        <v>14561</v>
      </c>
      <c r="J28" s="22">
        <v>6911</v>
      </c>
      <c r="K28" s="22">
        <v>7650</v>
      </c>
    </row>
    <row r="29" spans="1:11" ht="20.100000000000001" customHeight="1">
      <c r="A29" s="20" t="s">
        <v>53</v>
      </c>
      <c r="B29" s="20"/>
      <c r="C29" s="16">
        <v>67126</v>
      </c>
      <c r="D29" s="17">
        <v>35457</v>
      </c>
      <c r="E29" s="17">
        <v>31669</v>
      </c>
      <c r="F29" s="17"/>
      <c r="G29" s="21" t="s">
        <v>54</v>
      </c>
      <c r="H29" s="20"/>
      <c r="I29" s="16">
        <v>91255</v>
      </c>
      <c r="J29" s="17">
        <v>42696</v>
      </c>
      <c r="K29" s="17">
        <v>48559</v>
      </c>
    </row>
    <row r="30" spans="1:11" ht="15" customHeight="1">
      <c r="A30" s="20" t="s">
        <v>55</v>
      </c>
      <c r="B30" s="20"/>
      <c r="C30" s="16">
        <v>12600</v>
      </c>
      <c r="D30" s="22">
        <v>6549</v>
      </c>
      <c r="E30" s="22">
        <v>6051</v>
      </c>
      <c r="F30" s="22"/>
      <c r="G30" s="21" t="s">
        <v>56</v>
      </c>
      <c r="H30" s="20"/>
      <c r="I30" s="16">
        <v>15797</v>
      </c>
      <c r="J30" s="22">
        <v>7493</v>
      </c>
      <c r="K30" s="22">
        <v>8304</v>
      </c>
    </row>
    <row r="31" spans="1:11" ht="15" customHeight="1">
      <c r="A31" s="20" t="s">
        <v>57</v>
      </c>
      <c r="B31" s="20"/>
      <c r="C31" s="16">
        <v>13907</v>
      </c>
      <c r="D31" s="22">
        <v>7366</v>
      </c>
      <c r="E31" s="22">
        <v>6541</v>
      </c>
      <c r="F31" s="22"/>
      <c r="G31" s="21" t="s">
        <v>58</v>
      </c>
      <c r="H31" s="20"/>
      <c r="I31" s="16">
        <v>16757</v>
      </c>
      <c r="J31" s="22">
        <v>7825</v>
      </c>
      <c r="K31" s="22">
        <v>8932</v>
      </c>
    </row>
    <row r="32" spans="1:11" ht="15" customHeight="1">
      <c r="A32" s="20" t="s">
        <v>59</v>
      </c>
      <c r="B32" s="20"/>
      <c r="C32" s="16">
        <v>13988</v>
      </c>
      <c r="D32" s="22">
        <v>7378</v>
      </c>
      <c r="E32" s="22">
        <v>6610</v>
      </c>
      <c r="F32" s="22"/>
      <c r="G32" s="21" t="s">
        <v>60</v>
      </c>
      <c r="H32" s="20"/>
      <c r="I32" s="16">
        <v>18040</v>
      </c>
      <c r="J32" s="22">
        <v>8599</v>
      </c>
      <c r="K32" s="22">
        <v>9441</v>
      </c>
    </row>
    <row r="33" spans="1:11" ht="15" customHeight="1">
      <c r="A33" s="20" t="s">
        <v>61</v>
      </c>
      <c r="B33" s="20"/>
      <c r="C33" s="16">
        <v>13333</v>
      </c>
      <c r="D33" s="22">
        <v>7007</v>
      </c>
      <c r="E33" s="22">
        <v>6326</v>
      </c>
      <c r="F33" s="22"/>
      <c r="G33" s="21" t="s">
        <v>62</v>
      </c>
      <c r="H33" s="20"/>
      <c r="I33" s="16">
        <v>20717</v>
      </c>
      <c r="J33" s="22">
        <v>9556</v>
      </c>
      <c r="K33" s="22">
        <v>11161</v>
      </c>
    </row>
    <row r="34" spans="1:11" ht="15" customHeight="1">
      <c r="A34" s="20" t="s">
        <v>63</v>
      </c>
      <c r="B34" s="20"/>
      <c r="C34" s="16">
        <v>13298</v>
      </c>
      <c r="D34" s="22">
        <v>7157</v>
      </c>
      <c r="E34" s="22">
        <v>6141</v>
      </c>
      <c r="F34" s="22"/>
      <c r="G34" s="21" t="s">
        <v>64</v>
      </c>
      <c r="H34" s="20"/>
      <c r="I34" s="16">
        <v>19944</v>
      </c>
      <c r="J34" s="22">
        <v>9223</v>
      </c>
      <c r="K34" s="22">
        <v>10721</v>
      </c>
    </row>
    <row r="35" spans="1:11" ht="20.100000000000001" customHeight="1">
      <c r="A35" s="20" t="s">
        <v>65</v>
      </c>
      <c r="B35" s="20"/>
      <c r="C35" s="16">
        <v>60874</v>
      </c>
      <c r="D35" s="17">
        <v>31986</v>
      </c>
      <c r="E35" s="17">
        <v>28888</v>
      </c>
      <c r="F35" s="17"/>
      <c r="G35" s="21" t="s">
        <v>66</v>
      </c>
      <c r="H35" s="20"/>
      <c r="I35" s="16">
        <v>75645</v>
      </c>
      <c r="J35" s="17">
        <v>34469</v>
      </c>
      <c r="K35" s="17">
        <v>41176</v>
      </c>
    </row>
    <row r="36" spans="1:11" ht="15" customHeight="1">
      <c r="A36" s="20" t="s">
        <v>67</v>
      </c>
      <c r="B36" s="20"/>
      <c r="C36" s="16">
        <v>12754</v>
      </c>
      <c r="D36" s="22">
        <v>6665</v>
      </c>
      <c r="E36" s="22">
        <v>6089</v>
      </c>
      <c r="F36" s="22"/>
      <c r="G36" s="21" t="s">
        <v>68</v>
      </c>
      <c r="H36" s="20"/>
      <c r="I36" s="16">
        <v>19715</v>
      </c>
      <c r="J36" s="22">
        <v>9056</v>
      </c>
      <c r="K36" s="22">
        <v>10659</v>
      </c>
    </row>
    <row r="37" spans="1:11" ht="15" customHeight="1">
      <c r="A37" s="20" t="s">
        <v>69</v>
      </c>
      <c r="B37" s="20"/>
      <c r="C37" s="16">
        <v>12262</v>
      </c>
      <c r="D37" s="22">
        <v>6479</v>
      </c>
      <c r="E37" s="22">
        <v>5783</v>
      </c>
      <c r="F37" s="22"/>
      <c r="G37" s="21" t="s">
        <v>70</v>
      </c>
      <c r="H37" s="20"/>
      <c r="I37" s="16">
        <v>13939</v>
      </c>
      <c r="J37" s="22">
        <v>6411</v>
      </c>
      <c r="K37" s="22">
        <v>7528</v>
      </c>
    </row>
    <row r="38" spans="1:11" ht="15" customHeight="1">
      <c r="A38" s="20" t="s">
        <v>71</v>
      </c>
      <c r="B38" s="20"/>
      <c r="C38" s="16">
        <v>11770</v>
      </c>
      <c r="D38" s="22">
        <v>6196</v>
      </c>
      <c r="E38" s="22">
        <v>5574</v>
      </c>
      <c r="F38" s="22"/>
      <c r="G38" s="21" t="s">
        <v>72</v>
      </c>
      <c r="H38" s="20"/>
      <c r="I38" s="16">
        <v>12086</v>
      </c>
      <c r="J38" s="22">
        <v>5598</v>
      </c>
      <c r="K38" s="22">
        <v>6488</v>
      </c>
    </row>
    <row r="39" spans="1:11" ht="15" customHeight="1">
      <c r="A39" s="20" t="s">
        <v>73</v>
      </c>
      <c r="B39" s="20"/>
      <c r="C39" s="16">
        <v>12157</v>
      </c>
      <c r="D39" s="22">
        <v>6397</v>
      </c>
      <c r="E39" s="22">
        <v>5760</v>
      </c>
      <c r="F39" s="22"/>
      <c r="G39" s="21" t="s">
        <v>74</v>
      </c>
      <c r="H39" s="20"/>
      <c r="I39" s="16">
        <v>14650</v>
      </c>
      <c r="J39" s="22">
        <v>6617</v>
      </c>
      <c r="K39" s="22">
        <v>8033</v>
      </c>
    </row>
    <row r="40" spans="1:11" ht="15" customHeight="1">
      <c r="A40" s="20" t="s">
        <v>75</v>
      </c>
      <c r="B40" s="20"/>
      <c r="C40" s="16">
        <v>11931</v>
      </c>
      <c r="D40" s="22">
        <v>6249</v>
      </c>
      <c r="E40" s="22">
        <v>5682</v>
      </c>
      <c r="F40" s="22"/>
      <c r="G40" s="21" t="s">
        <v>76</v>
      </c>
      <c r="H40" s="20"/>
      <c r="I40" s="16">
        <v>15255</v>
      </c>
      <c r="J40" s="22">
        <v>6787</v>
      </c>
      <c r="K40" s="22">
        <v>8468</v>
      </c>
    </row>
    <row r="41" spans="1:11" ht="20.100000000000001" customHeight="1">
      <c r="A41" s="20" t="s">
        <v>77</v>
      </c>
      <c r="B41" s="20"/>
      <c r="C41" s="16">
        <v>61605</v>
      </c>
      <c r="D41" s="17">
        <v>31737</v>
      </c>
      <c r="E41" s="17">
        <v>29868</v>
      </c>
      <c r="F41" s="17"/>
      <c r="G41" s="21" t="s">
        <v>78</v>
      </c>
      <c r="H41" s="20"/>
      <c r="I41" s="16">
        <v>59665</v>
      </c>
      <c r="J41" s="17">
        <v>26035</v>
      </c>
      <c r="K41" s="17">
        <v>33630</v>
      </c>
    </row>
    <row r="42" spans="1:11" ht="15" customHeight="1">
      <c r="A42" s="20" t="s">
        <v>79</v>
      </c>
      <c r="B42" s="20"/>
      <c r="C42" s="16">
        <v>11712</v>
      </c>
      <c r="D42" s="22">
        <v>6086</v>
      </c>
      <c r="E42" s="22">
        <v>5626</v>
      </c>
      <c r="F42" s="22"/>
      <c r="G42" s="21" t="s">
        <v>80</v>
      </c>
      <c r="H42" s="20"/>
      <c r="I42" s="16">
        <v>14452</v>
      </c>
      <c r="J42" s="22">
        <v>6431</v>
      </c>
      <c r="K42" s="22">
        <v>8021</v>
      </c>
    </row>
    <row r="43" spans="1:11" ht="15" customHeight="1">
      <c r="A43" s="20" t="s">
        <v>81</v>
      </c>
      <c r="B43" s="20"/>
      <c r="C43" s="16">
        <v>12317</v>
      </c>
      <c r="D43" s="22">
        <v>6410</v>
      </c>
      <c r="E43" s="22">
        <v>5907</v>
      </c>
      <c r="F43" s="22"/>
      <c r="G43" s="21" t="s">
        <v>82</v>
      </c>
      <c r="H43" s="20"/>
      <c r="I43" s="16">
        <v>13994</v>
      </c>
      <c r="J43" s="22">
        <v>6115</v>
      </c>
      <c r="K43" s="22">
        <v>7879</v>
      </c>
    </row>
    <row r="44" spans="1:11" ht="15" customHeight="1">
      <c r="A44" s="20" t="s">
        <v>83</v>
      </c>
      <c r="B44" s="20"/>
      <c r="C44" s="16">
        <v>12137</v>
      </c>
      <c r="D44" s="22">
        <v>6237</v>
      </c>
      <c r="E44" s="22">
        <v>5900</v>
      </c>
      <c r="F44" s="22"/>
      <c r="G44" s="21" t="s">
        <v>84</v>
      </c>
      <c r="H44" s="20"/>
      <c r="I44" s="16">
        <v>12187</v>
      </c>
      <c r="J44" s="22">
        <v>5301</v>
      </c>
      <c r="K44" s="22">
        <v>6886</v>
      </c>
    </row>
    <row r="45" spans="1:11" ht="15" customHeight="1">
      <c r="A45" s="20" t="s">
        <v>85</v>
      </c>
      <c r="B45" s="20"/>
      <c r="C45" s="16">
        <v>12358</v>
      </c>
      <c r="D45" s="22">
        <v>6301</v>
      </c>
      <c r="E45" s="22">
        <v>6057</v>
      </c>
      <c r="F45" s="22"/>
      <c r="G45" s="21" t="s">
        <v>86</v>
      </c>
      <c r="H45" s="20"/>
      <c r="I45" s="16">
        <v>9968</v>
      </c>
      <c r="J45" s="22">
        <v>4377</v>
      </c>
      <c r="K45" s="22">
        <v>5591</v>
      </c>
    </row>
    <row r="46" spans="1:11" ht="15" customHeight="1">
      <c r="A46" s="20" t="s">
        <v>87</v>
      </c>
      <c r="B46" s="20"/>
      <c r="C46" s="16">
        <v>13081</v>
      </c>
      <c r="D46" s="22">
        <v>6703</v>
      </c>
      <c r="E46" s="22">
        <v>6378</v>
      </c>
      <c r="F46" s="22"/>
      <c r="G46" s="21" t="s">
        <v>88</v>
      </c>
      <c r="H46" s="20"/>
      <c r="I46" s="16">
        <v>9064</v>
      </c>
      <c r="J46" s="22">
        <v>3811</v>
      </c>
      <c r="K46" s="22">
        <v>5253</v>
      </c>
    </row>
    <row r="47" spans="1:11" ht="20.100000000000001" customHeight="1">
      <c r="A47" s="20" t="s">
        <v>89</v>
      </c>
      <c r="B47" s="20"/>
      <c r="C47" s="16">
        <v>72640</v>
      </c>
      <c r="D47" s="17">
        <v>37050</v>
      </c>
      <c r="E47" s="17">
        <v>35590</v>
      </c>
      <c r="F47" s="17"/>
      <c r="G47" s="21" t="s">
        <v>90</v>
      </c>
      <c r="H47" s="20"/>
      <c r="I47" s="16">
        <v>37725</v>
      </c>
      <c r="J47" s="17">
        <v>14665</v>
      </c>
      <c r="K47" s="17">
        <v>23060</v>
      </c>
    </row>
    <row r="48" spans="1:11" ht="15" customHeight="1">
      <c r="A48" s="20" t="s">
        <v>91</v>
      </c>
      <c r="B48" s="20"/>
      <c r="C48" s="16">
        <v>13202</v>
      </c>
      <c r="D48" s="22">
        <v>6754</v>
      </c>
      <c r="E48" s="22">
        <v>6448</v>
      </c>
      <c r="F48" s="22"/>
      <c r="G48" s="21" t="s">
        <v>92</v>
      </c>
      <c r="H48" s="20"/>
      <c r="I48" s="16">
        <v>9753</v>
      </c>
      <c r="J48" s="22">
        <v>4052</v>
      </c>
      <c r="K48" s="22">
        <v>5701</v>
      </c>
    </row>
    <row r="49" spans="1:11" ht="15" customHeight="1">
      <c r="A49" s="20" t="s">
        <v>93</v>
      </c>
      <c r="B49" s="20"/>
      <c r="C49" s="16">
        <v>13747</v>
      </c>
      <c r="D49" s="22">
        <v>7176</v>
      </c>
      <c r="E49" s="22">
        <v>6571</v>
      </c>
      <c r="F49" s="22"/>
      <c r="G49" s="21" t="s">
        <v>94</v>
      </c>
      <c r="H49" s="20"/>
      <c r="I49" s="16">
        <v>8323</v>
      </c>
      <c r="J49" s="22">
        <v>3315</v>
      </c>
      <c r="K49" s="22">
        <v>5008</v>
      </c>
    </row>
    <row r="50" spans="1:11" ht="15" customHeight="1">
      <c r="A50" s="20" t="s">
        <v>95</v>
      </c>
      <c r="B50" s="20"/>
      <c r="C50" s="16">
        <v>14531</v>
      </c>
      <c r="D50" s="22">
        <v>7341</v>
      </c>
      <c r="E50" s="22">
        <v>7190</v>
      </c>
      <c r="F50" s="22"/>
      <c r="G50" s="21" t="s">
        <v>96</v>
      </c>
      <c r="H50" s="20"/>
      <c r="I50" s="16">
        <v>7838</v>
      </c>
      <c r="J50" s="22">
        <v>3063</v>
      </c>
      <c r="K50" s="22">
        <v>4775</v>
      </c>
    </row>
    <row r="51" spans="1:11" ht="15" customHeight="1">
      <c r="A51" s="20" t="s">
        <v>97</v>
      </c>
      <c r="B51" s="20"/>
      <c r="C51" s="16">
        <v>15265</v>
      </c>
      <c r="D51" s="22">
        <v>7659</v>
      </c>
      <c r="E51" s="22">
        <v>7606</v>
      </c>
      <c r="F51" s="22"/>
      <c r="G51" s="21" t="s">
        <v>98</v>
      </c>
      <c r="H51" s="20"/>
      <c r="I51" s="16">
        <v>6268</v>
      </c>
      <c r="J51" s="22">
        <v>2271</v>
      </c>
      <c r="K51" s="22">
        <v>3997</v>
      </c>
    </row>
    <row r="52" spans="1:11" ht="15" customHeight="1">
      <c r="A52" s="20" t="s">
        <v>99</v>
      </c>
      <c r="B52" s="20"/>
      <c r="C52" s="16">
        <v>15895</v>
      </c>
      <c r="D52" s="22">
        <v>8120</v>
      </c>
      <c r="E52" s="22">
        <v>7775</v>
      </c>
      <c r="F52" s="22"/>
      <c r="G52" s="21" t="s">
        <v>100</v>
      </c>
      <c r="H52" s="20"/>
      <c r="I52" s="16">
        <v>5543</v>
      </c>
      <c r="J52" s="22">
        <v>1964</v>
      </c>
      <c r="K52" s="22">
        <v>3579</v>
      </c>
    </row>
    <row r="53" spans="1:11" ht="20.100000000000001" customHeight="1">
      <c r="A53" s="20" t="s">
        <v>101</v>
      </c>
      <c r="B53" s="20"/>
      <c r="C53" s="16">
        <v>85586</v>
      </c>
      <c r="D53" s="17">
        <v>43297</v>
      </c>
      <c r="E53" s="17">
        <v>42289</v>
      </c>
      <c r="F53" s="17"/>
      <c r="G53" s="21" t="s">
        <v>102</v>
      </c>
      <c r="H53" s="20"/>
      <c r="I53" s="16">
        <v>17638</v>
      </c>
      <c r="J53" s="17">
        <v>5318</v>
      </c>
      <c r="K53" s="17">
        <v>12320</v>
      </c>
    </row>
    <row r="54" spans="1:11" ht="15" customHeight="1">
      <c r="A54" s="20" t="s">
        <v>103</v>
      </c>
      <c r="B54" s="20"/>
      <c r="C54" s="16">
        <v>16001</v>
      </c>
      <c r="D54" s="22">
        <v>8152</v>
      </c>
      <c r="E54" s="22">
        <v>7849</v>
      </c>
      <c r="F54" s="22"/>
      <c r="G54" s="21" t="s">
        <v>104</v>
      </c>
      <c r="H54" s="20"/>
      <c r="I54" s="16">
        <v>4798</v>
      </c>
      <c r="J54" s="22">
        <v>1632</v>
      </c>
      <c r="K54" s="22">
        <v>3166</v>
      </c>
    </row>
    <row r="55" spans="1:11" ht="15" customHeight="1">
      <c r="A55" s="20" t="s">
        <v>105</v>
      </c>
      <c r="B55" s="20"/>
      <c r="C55" s="16">
        <v>16474</v>
      </c>
      <c r="D55" s="22">
        <v>8257</v>
      </c>
      <c r="E55" s="22">
        <v>8217</v>
      </c>
      <c r="F55" s="22"/>
      <c r="G55" s="21" t="s">
        <v>106</v>
      </c>
      <c r="H55" s="20"/>
      <c r="I55" s="16">
        <v>4215</v>
      </c>
      <c r="J55" s="22">
        <v>1300</v>
      </c>
      <c r="K55" s="22">
        <v>2915</v>
      </c>
    </row>
    <row r="56" spans="1:11" ht="15" customHeight="1">
      <c r="A56" s="20" t="s">
        <v>107</v>
      </c>
      <c r="B56" s="20"/>
      <c r="C56" s="16">
        <v>16880</v>
      </c>
      <c r="D56" s="22">
        <v>8530</v>
      </c>
      <c r="E56" s="22">
        <v>8350</v>
      </c>
      <c r="F56" s="22"/>
      <c r="G56" s="21" t="s">
        <v>108</v>
      </c>
      <c r="H56" s="20"/>
      <c r="I56" s="16">
        <v>3428</v>
      </c>
      <c r="J56" s="22">
        <v>975</v>
      </c>
      <c r="K56" s="22">
        <v>2453</v>
      </c>
    </row>
    <row r="57" spans="1:11" ht="15" customHeight="1">
      <c r="A57" s="20" t="s">
        <v>109</v>
      </c>
      <c r="B57" s="20"/>
      <c r="C57" s="16">
        <v>17825</v>
      </c>
      <c r="D57" s="22">
        <v>9107</v>
      </c>
      <c r="E57" s="22">
        <v>8718</v>
      </c>
      <c r="F57" s="22"/>
      <c r="G57" s="21" t="s">
        <v>110</v>
      </c>
      <c r="H57" s="20"/>
      <c r="I57" s="16">
        <v>2798</v>
      </c>
      <c r="J57" s="22">
        <v>805</v>
      </c>
      <c r="K57" s="22">
        <v>1993</v>
      </c>
    </row>
    <row r="58" spans="1:11" ht="15" customHeight="1">
      <c r="A58" s="20" t="s">
        <v>111</v>
      </c>
      <c r="B58" s="20"/>
      <c r="C58" s="16">
        <v>18406</v>
      </c>
      <c r="D58" s="22">
        <v>9251</v>
      </c>
      <c r="E58" s="22">
        <v>9155</v>
      </c>
      <c r="F58" s="22"/>
      <c r="G58" s="21" t="s">
        <v>112</v>
      </c>
      <c r="H58" s="20"/>
      <c r="I58" s="16">
        <v>2399</v>
      </c>
      <c r="J58" s="22">
        <v>606</v>
      </c>
      <c r="K58" s="22">
        <v>1793</v>
      </c>
    </row>
    <row r="59" spans="1:11" ht="20.100000000000001" customHeight="1">
      <c r="A59" s="20" t="s">
        <v>113</v>
      </c>
      <c r="B59" s="20"/>
      <c r="C59" s="16">
        <v>102959</v>
      </c>
      <c r="D59" s="17">
        <v>52096</v>
      </c>
      <c r="E59" s="17">
        <v>50863</v>
      </c>
      <c r="F59" s="17"/>
      <c r="G59" s="21" t="s">
        <v>114</v>
      </c>
      <c r="H59" s="20"/>
      <c r="I59" s="16">
        <v>4944</v>
      </c>
      <c r="J59" s="17">
        <v>1082</v>
      </c>
      <c r="K59" s="17">
        <v>3862</v>
      </c>
    </row>
    <row r="60" spans="1:11" ht="15" customHeight="1">
      <c r="A60" s="20" t="s">
        <v>115</v>
      </c>
      <c r="B60" s="20"/>
      <c r="C60" s="16">
        <v>18730</v>
      </c>
      <c r="D60" s="22">
        <v>9552</v>
      </c>
      <c r="E60" s="22">
        <v>9178</v>
      </c>
      <c r="F60" s="22"/>
      <c r="G60" s="21" t="s">
        <v>116</v>
      </c>
      <c r="H60" s="20"/>
      <c r="I60" s="16">
        <v>1636</v>
      </c>
      <c r="J60" s="22">
        <v>405</v>
      </c>
      <c r="K60" s="22">
        <v>1231</v>
      </c>
    </row>
    <row r="61" spans="1:11" ht="15" customHeight="1">
      <c r="A61" s="20" t="s">
        <v>117</v>
      </c>
      <c r="B61" s="20"/>
      <c r="C61" s="16">
        <v>19551</v>
      </c>
      <c r="D61" s="22">
        <v>9969</v>
      </c>
      <c r="E61" s="22">
        <v>9582</v>
      </c>
      <c r="F61" s="22"/>
      <c r="G61" s="21" t="s">
        <v>118</v>
      </c>
      <c r="H61" s="20"/>
      <c r="I61" s="16">
        <v>1258</v>
      </c>
      <c r="J61" s="22">
        <v>295</v>
      </c>
      <c r="K61" s="22">
        <v>963</v>
      </c>
    </row>
    <row r="62" spans="1:11" ht="15" customHeight="1">
      <c r="A62" s="20" t="s">
        <v>119</v>
      </c>
      <c r="B62" s="20"/>
      <c r="C62" s="16">
        <v>20135</v>
      </c>
      <c r="D62" s="22">
        <v>10055</v>
      </c>
      <c r="E62" s="22">
        <v>10080</v>
      </c>
      <c r="F62" s="22"/>
      <c r="G62" s="21" t="s">
        <v>120</v>
      </c>
      <c r="H62" s="20"/>
      <c r="I62" s="16">
        <v>966</v>
      </c>
      <c r="J62" s="22">
        <v>183</v>
      </c>
      <c r="K62" s="22">
        <v>783</v>
      </c>
    </row>
    <row r="63" spans="1:11" ht="15" customHeight="1">
      <c r="A63" s="20" t="s">
        <v>121</v>
      </c>
      <c r="B63" s="20"/>
      <c r="C63" s="16">
        <v>21841</v>
      </c>
      <c r="D63" s="22">
        <v>11061</v>
      </c>
      <c r="E63" s="22">
        <v>10780</v>
      </c>
      <c r="F63" s="22"/>
      <c r="G63" s="21" t="s">
        <v>122</v>
      </c>
      <c r="H63" s="20"/>
      <c r="I63" s="16">
        <v>633</v>
      </c>
      <c r="J63" s="22">
        <v>110</v>
      </c>
      <c r="K63" s="22">
        <v>523</v>
      </c>
    </row>
    <row r="64" spans="1:11" ht="15" customHeight="1">
      <c r="A64" s="20" t="s">
        <v>123</v>
      </c>
      <c r="B64" s="20"/>
      <c r="C64" s="16">
        <v>22702</v>
      </c>
      <c r="D64" s="22">
        <v>11459</v>
      </c>
      <c r="E64" s="22">
        <v>11243</v>
      </c>
      <c r="F64" s="22"/>
      <c r="G64" s="21" t="s">
        <v>124</v>
      </c>
      <c r="H64" s="20"/>
      <c r="I64" s="16">
        <v>451</v>
      </c>
      <c r="J64" s="22">
        <v>89</v>
      </c>
      <c r="K64" s="22">
        <v>362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856</v>
      </c>
      <c r="J65" s="22">
        <v>136</v>
      </c>
      <c r="K65" s="22">
        <v>720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21294</v>
      </c>
      <c r="J66" s="32">
        <v>12665</v>
      </c>
      <c r="K66" s="32">
        <v>8629</v>
      </c>
    </row>
    <row r="68" spans="1:11">
      <c r="F68" s="2"/>
    </row>
    <row r="75" spans="1:11">
      <c r="F75" s="25"/>
    </row>
    <row r="76" spans="1:11">
      <c r="F76" s="26"/>
    </row>
    <row r="77" spans="1:11">
      <c r="F77" s="26"/>
    </row>
    <row r="78" spans="1:11">
      <c r="F78" s="26"/>
    </row>
    <row r="79" spans="1:11">
      <c r="F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1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41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57649</v>
      </c>
      <c r="D4" s="17">
        <v>128538</v>
      </c>
      <c r="E4" s="17">
        <v>129111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7858</v>
      </c>
      <c r="D5" s="17">
        <v>3987</v>
      </c>
      <c r="E5" s="17">
        <v>3871</v>
      </c>
      <c r="F5" s="17"/>
      <c r="G5" s="21" t="s">
        <v>6</v>
      </c>
      <c r="H5" s="20"/>
      <c r="I5" s="16">
        <v>20771</v>
      </c>
      <c r="J5" s="17">
        <v>10732</v>
      </c>
      <c r="K5" s="17">
        <v>10039</v>
      </c>
    </row>
    <row r="6" spans="1:11" ht="15" customHeight="1">
      <c r="A6" s="20" t="s">
        <v>7</v>
      </c>
      <c r="B6" s="20"/>
      <c r="C6" s="16">
        <v>1447</v>
      </c>
      <c r="D6" s="22">
        <v>728</v>
      </c>
      <c r="E6" s="22">
        <v>719</v>
      </c>
      <c r="F6" s="22"/>
      <c r="G6" s="21" t="s">
        <v>8</v>
      </c>
      <c r="H6" s="20"/>
      <c r="I6" s="16">
        <v>4248</v>
      </c>
      <c r="J6" s="22">
        <v>2148</v>
      </c>
      <c r="K6" s="22">
        <v>2100</v>
      </c>
    </row>
    <row r="7" spans="1:11" ht="15" customHeight="1">
      <c r="A7" s="20" t="s">
        <v>9</v>
      </c>
      <c r="B7" s="20"/>
      <c r="C7" s="16">
        <v>1487</v>
      </c>
      <c r="D7" s="22">
        <v>741</v>
      </c>
      <c r="E7" s="22">
        <v>746</v>
      </c>
      <c r="F7" s="22"/>
      <c r="G7" s="21" t="s">
        <v>10</v>
      </c>
      <c r="H7" s="20"/>
      <c r="I7" s="16">
        <v>4237</v>
      </c>
      <c r="J7" s="22">
        <v>2192</v>
      </c>
      <c r="K7" s="22">
        <v>2045</v>
      </c>
    </row>
    <row r="8" spans="1:11" ht="15" customHeight="1">
      <c r="A8" s="20" t="s">
        <v>11</v>
      </c>
      <c r="B8" s="20"/>
      <c r="C8" s="16">
        <v>1583</v>
      </c>
      <c r="D8" s="22">
        <v>824</v>
      </c>
      <c r="E8" s="22">
        <v>759</v>
      </c>
      <c r="F8" s="22"/>
      <c r="G8" s="21" t="s">
        <v>12</v>
      </c>
      <c r="H8" s="20"/>
      <c r="I8" s="16">
        <v>4206</v>
      </c>
      <c r="J8" s="22">
        <v>2205</v>
      </c>
      <c r="K8" s="22">
        <v>2001</v>
      </c>
    </row>
    <row r="9" spans="1:11" ht="15" customHeight="1">
      <c r="A9" s="20" t="s">
        <v>13</v>
      </c>
      <c r="B9" s="20"/>
      <c r="C9" s="16">
        <v>1645</v>
      </c>
      <c r="D9" s="22">
        <v>837</v>
      </c>
      <c r="E9" s="22">
        <v>808</v>
      </c>
      <c r="F9" s="22"/>
      <c r="G9" s="21" t="s">
        <v>14</v>
      </c>
      <c r="H9" s="20"/>
      <c r="I9" s="16">
        <v>4126</v>
      </c>
      <c r="J9" s="22">
        <v>2105</v>
      </c>
      <c r="K9" s="22">
        <v>2021</v>
      </c>
    </row>
    <row r="10" spans="1:11" ht="15" customHeight="1">
      <c r="A10" s="20" t="s">
        <v>15</v>
      </c>
      <c r="B10" s="20"/>
      <c r="C10" s="16">
        <v>1696</v>
      </c>
      <c r="D10" s="22">
        <v>857</v>
      </c>
      <c r="E10" s="22">
        <v>839</v>
      </c>
      <c r="F10" s="22"/>
      <c r="G10" s="21" t="s">
        <v>16</v>
      </c>
      <c r="H10" s="20"/>
      <c r="I10" s="16">
        <v>3954</v>
      </c>
      <c r="J10" s="22">
        <v>2082</v>
      </c>
      <c r="K10" s="22">
        <v>1872</v>
      </c>
    </row>
    <row r="11" spans="1:11" ht="20.100000000000001" customHeight="1">
      <c r="A11" s="20" t="s">
        <v>17</v>
      </c>
      <c r="B11" s="20"/>
      <c r="C11" s="16">
        <v>9531</v>
      </c>
      <c r="D11" s="17">
        <v>4878</v>
      </c>
      <c r="E11" s="17">
        <v>4653</v>
      </c>
      <c r="F11" s="17"/>
      <c r="G11" s="21" t="s">
        <v>18</v>
      </c>
      <c r="H11" s="20"/>
      <c r="I11" s="16">
        <v>17398</v>
      </c>
      <c r="J11" s="17">
        <v>9010</v>
      </c>
      <c r="K11" s="17">
        <v>8388</v>
      </c>
    </row>
    <row r="12" spans="1:11" ht="15" customHeight="1">
      <c r="A12" s="20" t="s">
        <v>19</v>
      </c>
      <c r="B12" s="20"/>
      <c r="C12" s="16">
        <v>1779</v>
      </c>
      <c r="D12" s="22">
        <v>896</v>
      </c>
      <c r="E12" s="22">
        <v>883</v>
      </c>
      <c r="F12" s="22"/>
      <c r="G12" s="21" t="s">
        <v>20</v>
      </c>
      <c r="H12" s="20"/>
      <c r="I12" s="16">
        <v>4148</v>
      </c>
      <c r="J12" s="22">
        <v>2150</v>
      </c>
      <c r="K12" s="22">
        <v>1998</v>
      </c>
    </row>
    <row r="13" spans="1:11" ht="15" customHeight="1">
      <c r="A13" s="20" t="s">
        <v>21</v>
      </c>
      <c r="B13" s="20"/>
      <c r="C13" s="16">
        <v>1882</v>
      </c>
      <c r="D13" s="22">
        <v>959</v>
      </c>
      <c r="E13" s="22">
        <v>923</v>
      </c>
      <c r="F13" s="22"/>
      <c r="G13" s="21" t="s">
        <v>22</v>
      </c>
      <c r="H13" s="20"/>
      <c r="I13" s="16">
        <v>2943</v>
      </c>
      <c r="J13" s="22">
        <v>1538</v>
      </c>
      <c r="K13" s="22">
        <v>1405</v>
      </c>
    </row>
    <row r="14" spans="1:11" ht="15" customHeight="1">
      <c r="A14" s="20" t="s">
        <v>23</v>
      </c>
      <c r="B14" s="20"/>
      <c r="C14" s="16">
        <v>1951</v>
      </c>
      <c r="D14" s="22">
        <v>992</v>
      </c>
      <c r="E14" s="22">
        <v>959</v>
      </c>
      <c r="F14" s="22"/>
      <c r="G14" s="21" t="s">
        <v>24</v>
      </c>
      <c r="H14" s="20"/>
      <c r="I14" s="16">
        <v>3702</v>
      </c>
      <c r="J14" s="22">
        <v>1923</v>
      </c>
      <c r="K14" s="22">
        <v>1779</v>
      </c>
    </row>
    <row r="15" spans="1:11" ht="15" customHeight="1">
      <c r="A15" s="20" t="s">
        <v>25</v>
      </c>
      <c r="B15" s="20"/>
      <c r="C15" s="16">
        <v>1928</v>
      </c>
      <c r="D15" s="22">
        <v>1025</v>
      </c>
      <c r="E15" s="22">
        <v>903</v>
      </c>
      <c r="F15" s="22"/>
      <c r="G15" s="21" t="s">
        <v>26</v>
      </c>
      <c r="H15" s="20"/>
      <c r="I15" s="16">
        <v>3385</v>
      </c>
      <c r="J15" s="22">
        <v>1760</v>
      </c>
      <c r="K15" s="22">
        <v>1625</v>
      </c>
    </row>
    <row r="16" spans="1:11" ht="15" customHeight="1">
      <c r="A16" s="20" t="s">
        <v>27</v>
      </c>
      <c r="B16" s="20"/>
      <c r="C16" s="16">
        <v>1991</v>
      </c>
      <c r="D16" s="22">
        <v>1006</v>
      </c>
      <c r="E16" s="22">
        <v>985</v>
      </c>
      <c r="F16" s="22"/>
      <c r="G16" s="21" t="s">
        <v>28</v>
      </c>
      <c r="H16" s="20"/>
      <c r="I16" s="16">
        <v>3220</v>
      </c>
      <c r="J16" s="22">
        <v>1639</v>
      </c>
      <c r="K16" s="22">
        <v>1581</v>
      </c>
    </row>
    <row r="17" spans="1:11" ht="20.100000000000001" customHeight="1">
      <c r="A17" s="24" t="s">
        <v>29</v>
      </c>
      <c r="B17" s="24"/>
      <c r="C17" s="16">
        <v>10509</v>
      </c>
      <c r="D17" s="17">
        <v>5338</v>
      </c>
      <c r="E17" s="17">
        <v>5171</v>
      </c>
      <c r="F17" s="17"/>
      <c r="G17" s="21" t="s">
        <v>30</v>
      </c>
      <c r="H17" s="20"/>
      <c r="I17" s="16">
        <v>15049</v>
      </c>
      <c r="J17" s="17">
        <v>7603</v>
      </c>
      <c r="K17" s="17">
        <v>7446</v>
      </c>
    </row>
    <row r="18" spans="1:11" ht="15" customHeight="1">
      <c r="A18" s="20" t="s">
        <v>31</v>
      </c>
      <c r="B18" s="20"/>
      <c r="C18" s="16">
        <v>1958</v>
      </c>
      <c r="D18" s="22">
        <v>1028</v>
      </c>
      <c r="E18" s="22">
        <v>930</v>
      </c>
      <c r="F18" s="22"/>
      <c r="G18" s="21" t="s">
        <v>32</v>
      </c>
      <c r="H18" s="20"/>
      <c r="I18" s="16">
        <v>3199</v>
      </c>
      <c r="J18" s="22">
        <v>1624</v>
      </c>
      <c r="K18" s="22">
        <v>1575</v>
      </c>
    </row>
    <row r="19" spans="1:11" ht="15" customHeight="1">
      <c r="A19" s="20" t="s">
        <v>33</v>
      </c>
      <c r="B19" s="20"/>
      <c r="C19" s="16">
        <v>2054</v>
      </c>
      <c r="D19" s="22">
        <v>1029</v>
      </c>
      <c r="E19" s="22">
        <v>1025</v>
      </c>
      <c r="F19" s="22"/>
      <c r="G19" s="21" t="s">
        <v>34</v>
      </c>
      <c r="H19" s="20"/>
      <c r="I19" s="16">
        <v>2979</v>
      </c>
      <c r="J19" s="22">
        <v>1507</v>
      </c>
      <c r="K19" s="22">
        <v>1472</v>
      </c>
    </row>
    <row r="20" spans="1:11" ht="15" customHeight="1">
      <c r="A20" s="20" t="s">
        <v>35</v>
      </c>
      <c r="B20" s="20"/>
      <c r="C20" s="16">
        <v>2101</v>
      </c>
      <c r="D20" s="22">
        <v>1066</v>
      </c>
      <c r="E20" s="22">
        <v>1035</v>
      </c>
      <c r="F20" s="22"/>
      <c r="G20" s="21" t="s">
        <v>36</v>
      </c>
      <c r="H20" s="20"/>
      <c r="I20" s="16">
        <v>2982</v>
      </c>
      <c r="J20" s="22">
        <v>1519</v>
      </c>
      <c r="K20" s="22">
        <v>1463</v>
      </c>
    </row>
    <row r="21" spans="1:11" ht="15" customHeight="1">
      <c r="A21" s="20" t="s">
        <v>37</v>
      </c>
      <c r="B21" s="20"/>
      <c r="C21" s="16">
        <v>2180</v>
      </c>
      <c r="D21" s="22">
        <v>1103</v>
      </c>
      <c r="E21" s="22">
        <v>1077</v>
      </c>
      <c r="F21" s="22"/>
      <c r="G21" s="21" t="s">
        <v>38</v>
      </c>
      <c r="H21" s="20"/>
      <c r="I21" s="16">
        <v>2903</v>
      </c>
      <c r="J21" s="22">
        <v>1464</v>
      </c>
      <c r="K21" s="22">
        <v>1439</v>
      </c>
    </row>
    <row r="22" spans="1:11" ht="15" customHeight="1">
      <c r="A22" s="20" t="s">
        <v>39</v>
      </c>
      <c r="B22" s="20"/>
      <c r="C22" s="16">
        <v>2216</v>
      </c>
      <c r="D22" s="22">
        <v>1112</v>
      </c>
      <c r="E22" s="22">
        <v>1104</v>
      </c>
      <c r="F22" s="22"/>
      <c r="G22" s="21" t="s">
        <v>40</v>
      </c>
      <c r="H22" s="20"/>
      <c r="I22" s="16">
        <v>2986</v>
      </c>
      <c r="J22" s="22">
        <v>1489</v>
      </c>
      <c r="K22" s="22">
        <v>1497</v>
      </c>
    </row>
    <row r="23" spans="1:11" ht="20.100000000000001" customHeight="1">
      <c r="A23" s="20" t="s">
        <v>41</v>
      </c>
      <c r="B23" s="20"/>
      <c r="C23" s="16">
        <v>11818</v>
      </c>
      <c r="D23" s="17">
        <v>6087</v>
      </c>
      <c r="E23" s="17">
        <v>5731</v>
      </c>
      <c r="F23" s="17"/>
      <c r="G23" s="21" t="s">
        <v>42</v>
      </c>
      <c r="H23" s="20"/>
      <c r="I23" s="16">
        <v>14680</v>
      </c>
      <c r="J23" s="17">
        <v>7317</v>
      </c>
      <c r="K23" s="17">
        <v>7363</v>
      </c>
    </row>
    <row r="24" spans="1:11" ht="15" customHeight="1">
      <c r="A24" s="20" t="s">
        <v>43</v>
      </c>
      <c r="B24" s="20"/>
      <c r="C24" s="16">
        <v>2196</v>
      </c>
      <c r="D24" s="22">
        <v>1153</v>
      </c>
      <c r="E24" s="22">
        <v>1043</v>
      </c>
      <c r="F24" s="22"/>
      <c r="G24" s="21" t="s">
        <v>44</v>
      </c>
      <c r="H24" s="20"/>
      <c r="I24" s="16">
        <v>2759</v>
      </c>
      <c r="J24" s="22">
        <v>1372</v>
      </c>
      <c r="K24" s="22">
        <v>1387</v>
      </c>
    </row>
    <row r="25" spans="1:11" ht="15" customHeight="1">
      <c r="A25" s="20" t="s">
        <v>45</v>
      </c>
      <c r="B25" s="20"/>
      <c r="C25" s="16">
        <v>2325</v>
      </c>
      <c r="D25" s="22">
        <v>1164</v>
      </c>
      <c r="E25" s="22">
        <v>1161</v>
      </c>
      <c r="F25" s="22"/>
      <c r="G25" s="21" t="s">
        <v>46</v>
      </c>
      <c r="H25" s="20"/>
      <c r="I25" s="16">
        <v>2820</v>
      </c>
      <c r="J25" s="22">
        <v>1457</v>
      </c>
      <c r="K25" s="22">
        <v>1363</v>
      </c>
    </row>
    <row r="26" spans="1:11" ht="15" customHeight="1">
      <c r="A26" s="20" t="s">
        <v>47</v>
      </c>
      <c r="B26" s="20"/>
      <c r="C26" s="16">
        <v>2259</v>
      </c>
      <c r="D26" s="22">
        <v>1175</v>
      </c>
      <c r="E26" s="22">
        <v>1084</v>
      </c>
      <c r="F26" s="22"/>
      <c r="G26" s="21" t="s">
        <v>48</v>
      </c>
      <c r="H26" s="20"/>
      <c r="I26" s="16">
        <v>2995</v>
      </c>
      <c r="J26" s="22">
        <v>1482</v>
      </c>
      <c r="K26" s="22">
        <v>1513</v>
      </c>
    </row>
    <row r="27" spans="1:11" ht="15" customHeight="1">
      <c r="A27" s="20" t="s">
        <v>49</v>
      </c>
      <c r="B27" s="20"/>
      <c r="C27" s="16">
        <v>2471</v>
      </c>
      <c r="D27" s="22">
        <v>1255</v>
      </c>
      <c r="E27" s="22">
        <v>1216</v>
      </c>
      <c r="F27" s="22"/>
      <c r="G27" s="21" t="s">
        <v>50</v>
      </c>
      <c r="H27" s="20"/>
      <c r="I27" s="16">
        <v>3028</v>
      </c>
      <c r="J27" s="22">
        <v>1525</v>
      </c>
      <c r="K27" s="22">
        <v>1503</v>
      </c>
    </row>
    <row r="28" spans="1:11" ht="15" customHeight="1">
      <c r="A28" s="20" t="s">
        <v>51</v>
      </c>
      <c r="B28" s="20"/>
      <c r="C28" s="16">
        <v>2567</v>
      </c>
      <c r="D28" s="22">
        <v>1340</v>
      </c>
      <c r="E28" s="22">
        <v>1227</v>
      </c>
      <c r="F28" s="22"/>
      <c r="G28" s="21" t="s">
        <v>52</v>
      </c>
      <c r="H28" s="20"/>
      <c r="I28" s="16">
        <v>3078</v>
      </c>
      <c r="J28" s="22">
        <v>1481</v>
      </c>
      <c r="K28" s="22">
        <v>1597</v>
      </c>
    </row>
    <row r="29" spans="1:11" ht="20.100000000000001" customHeight="1">
      <c r="A29" s="20" t="s">
        <v>53</v>
      </c>
      <c r="B29" s="20"/>
      <c r="C29" s="16">
        <v>13412</v>
      </c>
      <c r="D29" s="17">
        <v>7156</v>
      </c>
      <c r="E29" s="17">
        <v>6256</v>
      </c>
      <c r="F29" s="17"/>
      <c r="G29" s="21" t="s">
        <v>54</v>
      </c>
      <c r="H29" s="20"/>
      <c r="I29" s="16">
        <v>18933</v>
      </c>
      <c r="J29" s="17">
        <v>9017</v>
      </c>
      <c r="K29" s="17">
        <v>9916</v>
      </c>
    </row>
    <row r="30" spans="1:11" ht="15" customHeight="1">
      <c r="A30" s="20" t="s">
        <v>55</v>
      </c>
      <c r="B30" s="20"/>
      <c r="C30" s="16">
        <v>2455</v>
      </c>
      <c r="D30" s="22">
        <v>1235</v>
      </c>
      <c r="E30" s="22">
        <v>1220</v>
      </c>
      <c r="F30" s="22"/>
      <c r="G30" s="21" t="s">
        <v>56</v>
      </c>
      <c r="H30" s="20"/>
      <c r="I30" s="16">
        <v>3265</v>
      </c>
      <c r="J30" s="22">
        <v>1590</v>
      </c>
      <c r="K30" s="22">
        <v>1675</v>
      </c>
    </row>
    <row r="31" spans="1:11" ht="15" customHeight="1">
      <c r="A31" s="20" t="s">
        <v>57</v>
      </c>
      <c r="B31" s="20"/>
      <c r="C31" s="16">
        <v>2748</v>
      </c>
      <c r="D31" s="22">
        <v>1507</v>
      </c>
      <c r="E31" s="22">
        <v>1241</v>
      </c>
      <c r="F31" s="22"/>
      <c r="G31" s="21" t="s">
        <v>58</v>
      </c>
      <c r="H31" s="20"/>
      <c r="I31" s="16">
        <v>3489</v>
      </c>
      <c r="J31" s="22">
        <v>1602</v>
      </c>
      <c r="K31" s="22">
        <v>1887</v>
      </c>
    </row>
    <row r="32" spans="1:11" ht="15" customHeight="1">
      <c r="A32" s="20" t="s">
        <v>59</v>
      </c>
      <c r="B32" s="20"/>
      <c r="C32" s="16">
        <v>2657</v>
      </c>
      <c r="D32" s="22">
        <v>1369</v>
      </c>
      <c r="E32" s="22">
        <v>1288</v>
      </c>
      <c r="F32" s="22"/>
      <c r="G32" s="21" t="s">
        <v>60</v>
      </c>
      <c r="H32" s="20"/>
      <c r="I32" s="16">
        <v>3861</v>
      </c>
      <c r="J32" s="22">
        <v>1942</v>
      </c>
      <c r="K32" s="22">
        <v>1919</v>
      </c>
    </row>
    <row r="33" spans="1:11" ht="15" customHeight="1">
      <c r="A33" s="20" t="s">
        <v>61</v>
      </c>
      <c r="B33" s="20"/>
      <c r="C33" s="16">
        <v>2718</v>
      </c>
      <c r="D33" s="22">
        <v>1416</v>
      </c>
      <c r="E33" s="22">
        <v>1302</v>
      </c>
      <c r="F33" s="22"/>
      <c r="G33" s="21" t="s">
        <v>62</v>
      </c>
      <c r="H33" s="20"/>
      <c r="I33" s="16">
        <v>4340</v>
      </c>
      <c r="J33" s="22">
        <v>1990</v>
      </c>
      <c r="K33" s="22">
        <v>2350</v>
      </c>
    </row>
    <row r="34" spans="1:11" ht="15" customHeight="1">
      <c r="A34" s="20" t="s">
        <v>63</v>
      </c>
      <c r="B34" s="20"/>
      <c r="C34" s="16">
        <v>2834</v>
      </c>
      <c r="D34" s="22">
        <v>1629</v>
      </c>
      <c r="E34" s="22">
        <v>1205</v>
      </c>
      <c r="F34" s="22"/>
      <c r="G34" s="21" t="s">
        <v>64</v>
      </c>
      <c r="H34" s="20"/>
      <c r="I34" s="16">
        <v>3978</v>
      </c>
      <c r="J34" s="22">
        <v>1893</v>
      </c>
      <c r="K34" s="22">
        <v>2085</v>
      </c>
    </row>
    <row r="35" spans="1:11" ht="20.100000000000001" customHeight="1">
      <c r="A35" s="20" t="s">
        <v>65</v>
      </c>
      <c r="B35" s="20"/>
      <c r="C35" s="16">
        <v>11838</v>
      </c>
      <c r="D35" s="17">
        <v>6274</v>
      </c>
      <c r="E35" s="17">
        <v>5564</v>
      </c>
      <c r="F35" s="17"/>
      <c r="G35" s="21" t="s">
        <v>66</v>
      </c>
      <c r="H35" s="20"/>
      <c r="I35" s="16">
        <v>15411</v>
      </c>
      <c r="J35" s="17">
        <v>7145</v>
      </c>
      <c r="K35" s="17">
        <v>8266</v>
      </c>
    </row>
    <row r="36" spans="1:11" ht="15" customHeight="1">
      <c r="A36" s="20" t="s">
        <v>67</v>
      </c>
      <c r="B36" s="20"/>
      <c r="C36" s="16">
        <v>2538</v>
      </c>
      <c r="D36" s="22">
        <v>1322</v>
      </c>
      <c r="E36" s="22">
        <v>1216</v>
      </c>
      <c r="F36" s="22"/>
      <c r="G36" s="21" t="s">
        <v>68</v>
      </c>
      <c r="H36" s="20"/>
      <c r="I36" s="16">
        <v>4075</v>
      </c>
      <c r="J36" s="22">
        <v>1937</v>
      </c>
      <c r="K36" s="22">
        <v>2138</v>
      </c>
    </row>
    <row r="37" spans="1:11" ht="15" customHeight="1">
      <c r="A37" s="20" t="s">
        <v>69</v>
      </c>
      <c r="B37" s="20"/>
      <c r="C37" s="16">
        <v>2417</v>
      </c>
      <c r="D37" s="22">
        <v>1230</v>
      </c>
      <c r="E37" s="22">
        <v>1187</v>
      </c>
      <c r="F37" s="22"/>
      <c r="G37" s="21" t="s">
        <v>70</v>
      </c>
      <c r="H37" s="20"/>
      <c r="I37" s="16">
        <v>2853</v>
      </c>
      <c r="J37" s="22">
        <v>1323</v>
      </c>
      <c r="K37" s="22">
        <v>1530</v>
      </c>
    </row>
    <row r="38" spans="1:11" ht="15" customHeight="1">
      <c r="A38" s="20" t="s">
        <v>71</v>
      </c>
      <c r="B38" s="20"/>
      <c r="C38" s="16">
        <v>2242</v>
      </c>
      <c r="D38" s="22">
        <v>1191</v>
      </c>
      <c r="E38" s="22">
        <v>1051</v>
      </c>
      <c r="F38" s="22"/>
      <c r="G38" s="21" t="s">
        <v>72</v>
      </c>
      <c r="H38" s="20"/>
      <c r="I38" s="16">
        <v>2327</v>
      </c>
      <c r="J38" s="22">
        <v>1077</v>
      </c>
      <c r="K38" s="22">
        <v>1250</v>
      </c>
    </row>
    <row r="39" spans="1:11" ht="15" customHeight="1">
      <c r="A39" s="20" t="s">
        <v>73</v>
      </c>
      <c r="B39" s="20"/>
      <c r="C39" s="16">
        <v>2372</v>
      </c>
      <c r="D39" s="22">
        <v>1297</v>
      </c>
      <c r="E39" s="22">
        <v>1075</v>
      </c>
      <c r="F39" s="22"/>
      <c r="G39" s="21" t="s">
        <v>74</v>
      </c>
      <c r="H39" s="20"/>
      <c r="I39" s="16">
        <v>3044</v>
      </c>
      <c r="J39" s="22">
        <v>1399</v>
      </c>
      <c r="K39" s="22">
        <v>1645</v>
      </c>
    </row>
    <row r="40" spans="1:11" ht="15" customHeight="1">
      <c r="A40" s="20" t="s">
        <v>75</v>
      </c>
      <c r="B40" s="20"/>
      <c r="C40" s="16">
        <v>2269</v>
      </c>
      <c r="D40" s="22">
        <v>1234</v>
      </c>
      <c r="E40" s="22">
        <v>1035</v>
      </c>
      <c r="F40" s="22"/>
      <c r="G40" s="21" t="s">
        <v>76</v>
      </c>
      <c r="H40" s="20"/>
      <c r="I40" s="16">
        <v>3112</v>
      </c>
      <c r="J40" s="22">
        <v>1409</v>
      </c>
      <c r="K40" s="22">
        <v>1703</v>
      </c>
    </row>
    <row r="41" spans="1:11" ht="20.100000000000001" customHeight="1">
      <c r="A41" s="20" t="s">
        <v>77</v>
      </c>
      <c r="B41" s="20"/>
      <c r="C41" s="16">
        <v>11478</v>
      </c>
      <c r="D41" s="17">
        <v>5973</v>
      </c>
      <c r="E41" s="17">
        <v>5505</v>
      </c>
      <c r="F41" s="17"/>
      <c r="G41" s="21" t="s">
        <v>78</v>
      </c>
      <c r="H41" s="20"/>
      <c r="I41" s="16">
        <v>11981</v>
      </c>
      <c r="J41" s="17">
        <v>5166</v>
      </c>
      <c r="K41" s="17">
        <v>6815</v>
      </c>
    </row>
    <row r="42" spans="1:11" ht="15" customHeight="1">
      <c r="A42" s="20" t="s">
        <v>79</v>
      </c>
      <c r="B42" s="20"/>
      <c r="C42" s="16">
        <v>2208</v>
      </c>
      <c r="D42" s="22">
        <v>1141</v>
      </c>
      <c r="E42" s="22">
        <v>1067</v>
      </c>
      <c r="F42" s="22"/>
      <c r="G42" s="21" t="s">
        <v>80</v>
      </c>
      <c r="H42" s="20"/>
      <c r="I42" s="16">
        <v>2942</v>
      </c>
      <c r="J42" s="22">
        <v>1277</v>
      </c>
      <c r="K42" s="22">
        <v>1665</v>
      </c>
    </row>
    <row r="43" spans="1:11" ht="15" customHeight="1">
      <c r="A43" s="20" t="s">
        <v>81</v>
      </c>
      <c r="B43" s="20"/>
      <c r="C43" s="16">
        <v>2338</v>
      </c>
      <c r="D43" s="22">
        <v>1254</v>
      </c>
      <c r="E43" s="22">
        <v>1084</v>
      </c>
      <c r="F43" s="22"/>
      <c r="G43" s="21" t="s">
        <v>82</v>
      </c>
      <c r="H43" s="20"/>
      <c r="I43" s="16">
        <v>2853</v>
      </c>
      <c r="J43" s="22">
        <v>1247</v>
      </c>
      <c r="K43" s="22">
        <v>1606</v>
      </c>
    </row>
    <row r="44" spans="1:11" ht="15" customHeight="1">
      <c r="A44" s="20" t="s">
        <v>83</v>
      </c>
      <c r="B44" s="20"/>
      <c r="C44" s="16">
        <v>2275</v>
      </c>
      <c r="D44" s="22">
        <v>1153</v>
      </c>
      <c r="E44" s="22">
        <v>1122</v>
      </c>
      <c r="F44" s="22"/>
      <c r="G44" s="21" t="s">
        <v>84</v>
      </c>
      <c r="H44" s="20"/>
      <c r="I44" s="16">
        <v>2522</v>
      </c>
      <c r="J44" s="22">
        <v>1076</v>
      </c>
      <c r="K44" s="22">
        <v>1446</v>
      </c>
    </row>
    <row r="45" spans="1:11" ht="15" customHeight="1">
      <c r="A45" s="20" t="s">
        <v>85</v>
      </c>
      <c r="B45" s="20"/>
      <c r="C45" s="16">
        <v>2298</v>
      </c>
      <c r="D45" s="22">
        <v>1196</v>
      </c>
      <c r="E45" s="22">
        <v>1102</v>
      </c>
      <c r="F45" s="22"/>
      <c r="G45" s="21" t="s">
        <v>86</v>
      </c>
      <c r="H45" s="20"/>
      <c r="I45" s="16">
        <v>2017</v>
      </c>
      <c r="J45" s="22">
        <v>894</v>
      </c>
      <c r="K45" s="22">
        <v>1123</v>
      </c>
    </row>
    <row r="46" spans="1:11" ht="15" customHeight="1">
      <c r="A46" s="20" t="s">
        <v>87</v>
      </c>
      <c r="B46" s="20"/>
      <c r="C46" s="16">
        <v>2359</v>
      </c>
      <c r="D46" s="22">
        <v>1229</v>
      </c>
      <c r="E46" s="22">
        <v>1130</v>
      </c>
      <c r="F46" s="22"/>
      <c r="G46" s="21" t="s">
        <v>88</v>
      </c>
      <c r="H46" s="20"/>
      <c r="I46" s="16">
        <v>1647</v>
      </c>
      <c r="J46" s="22">
        <v>672</v>
      </c>
      <c r="K46" s="22">
        <v>975</v>
      </c>
    </row>
    <row r="47" spans="1:11" ht="20.100000000000001" customHeight="1">
      <c r="A47" s="20" t="s">
        <v>89</v>
      </c>
      <c r="B47" s="20"/>
      <c r="C47" s="16">
        <v>13691</v>
      </c>
      <c r="D47" s="17">
        <v>7143</v>
      </c>
      <c r="E47" s="17">
        <v>6548</v>
      </c>
      <c r="F47" s="17"/>
      <c r="G47" s="21" t="s">
        <v>90</v>
      </c>
      <c r="H47" s="20"/>
      <c r="I47" s="16">
        <v>7486</v>
      </c>
      <c r="J47" s="17">
        <v>2893</v>
      </c>
      <c r="K47" s="17">
        <v>4593</v>
      </c>
    </row>
    <row r="48" spans="1:11" ht="15" customHeight="1">
      <c r="A48" s="20" t="s">
        <v>91</v>
      </c>
      <c r="B48" s="20"/>
      <c r="C48" s="16">
        <v>2555</v>
      </c>
      <c r="D48" s="22">
        <v>1355</v>
      </c>
      <c r="E48" s="22">
        <v>1200</v>
      </c>
      <c r="F48" s="22"/>
      <c r="G48" s="21" t="s">
        <v>92</v>
      </c>
      <c r="H48" s="20"/>
      <c r="I48" s="16">
        <v>2006</v>
      </c>
      <c r="J48" s="22">
        <v>842</v>
      </c>
      <c r="K48" s="22">
        <v>1164</v>
      </c>
    </row>
    <row r="49" spans="1:11" ht="15" customHeight="1">
      <c r="A49" s="20" t="s">
        <v>93</v>
      </c>
      <c r="B49" s="20"/>
      <c r="C49" s="16">
        <v>2639</v>
      </c>
      <c r="D49" s="22">
        <v>1403</v>
      </c>
      <c r="E49" s="22">
        <v>1236</v>
      </c>
      <c r="F49" s="22"/>
      <c r="G49" s="21" t="s">
        <v>94</v>
      </c>
      <c r="H49" s="20"/>
      <c r="I49" s="16">
        <v>1625</v>
      </c>
      <c r="J49" s="22">
        <v>655</v>
      </c>
      <c r="K49" s="22">
        <v>970</v>
      </c>
    </row>
    <row r="50" spans="1:11" ht="15" customHeight="1">
      <c r="A50" s="20" t="s">
        <v>95</v>
      </c>
      <c r="B50" s="20"/>
      <c r="C50" s="16">
        <v>2797</v>
      </c>
      <c r="D50" s="22">
        <v>1458</v>
      </c>
      <c r="E50" s="22">
        <v>1339</v>
      </c>
      <c r="F50" s="22"/>
      <c r="G50" s="21" t="s">
        <v>96</v>
      </c>
      <c r="H50" s="20"/>
      <c r="I50" s="16">
        <v>1564</v>
      </c>
      <c r="J50" s="22">
        <v>597</v>
      </c>
      <c r="K50" s="22">
        <v>967</v>
      </c>
    </row>
    <row r="51" spans="1:11" ht="15" customHeight="1">
      <c r="A51" s="20" t="s">
        <v>97</v>
      </c>
      <c r="B51" s="20"/>
      <c r="C51" s="16">
        <v>2801</v>
      </c>
      <c r="D51" s="22">
        <v>1424</v>
      </c>
      <c r="E51" s="22">
        <v>1377</v>
      </c>
      <c r="F51" s="22"/>
      <c r="G51" s="21" t="s">
        <v>98</v>
      </c>
      <c r="H51" s="20"/>
      <c r="I51" s="16">
        <v>1259</v>
      </c>
      <c r="J51" s="22">
        <v>431</v>
      </c>
      <c r="K51" s="22">
        <v>828</v>
      </c>
    </row>
    <row r="52" spans="1:11" ht="15" customHeight="1">
      <c r="A52" s="20" t="s">
        <v>99</v>
      </c>
      <c r="B52" s="20"/>
      <c r="C52" s="16">
        <v>2899</v>
      </c>
      <c r="D52" s="22">
        <v>1503</v>
      </c>
      <c r="E52" s="22">
        <v>1396</v>
      </c>
      <c r="F52" s="22"/>
      <c r="G52" s="21" t="s">
        <v>100</v>
      </c>
      <c r="H52" s="20"/>
      <c r="I52" s="16">
        <v>1032</v>
      </c>
      <c r="J52" s="22">
        <v>368</v>
      </c>
      <c r="K52" s="22">
        <v>664</v>
      </c>
    </row>
    <row r="53" spans="1:11" ht="20.100000000000001" customHeight="1">
      <c r="A53" s="20" t="s">
        <v>101</v>
      </c>
      <c r="B53" s="20"/>
      <c r="C53" s="16">
        <v>15804</v>
      </c>
      <c r="D53" s="17">
        <v>8095</v>
      </c>
      <c r="E53" s="17">
        <v>7709</v>
      </c>
      <c r="F53" s="17"/>
      <c r="G53" s="21" t="s">
        <v>102</v>
      </c>
      <c r="H53" s="20"/>
      <c r="I53" s="16">
        <v>3683</v>
      </c>
      <c r="J53" s="17">
        <v>1084</v>
      </c>
      <c r="K53" s="17">
        <v>2599</v>
      </c>
    </row>
    <row r="54" spans="1:11" ht="15" customHeight="1">
      <c r="A54" s="20" t="s">
        <v>103</v>
      </c>
      <c r="B54" s="20"/>
      <c r="C54" s="16">
        <v>2925</v>
      </c>
      <c r="D54" s="22">
        <v>1533</v>
      </c>
      <c r="E54" s="22">
        <v>1392</v>
      </c>
      <c r="F54" s="22"/>
      <c r="G54" s="21" t="s">
        <v>104</v>
      </c>
      <c r="H54" s="20"/>
      <c r="I54" s="16">
        <v>1003</v>
      </c>
      <c r="J54" s="22">
        <v>333</v>
      </c>
      <c r="K54" s="22">
        <v>670</v>
      </c>
    </row>
    <row r="55" spans="1:11" ht="15" customHeight="1">
      <c r="A55" s="20" t="s">
        <v>105</v>
      </c>
      <c r="B55" s="20"/>
      <c r="C55" s="16">
        <v>3000</v>
      </c>
      <c r="D55" s="22">
        <v>1495</v>
      </c>
      <c r="E55" s="22">
        <v>1505</v>
      </c>
      <c r="F55" s="22"/>
      <c r="G55" s="21" t="s">
        <v>106</v>
      </c>
      <c r="H55" s="20"/>
      <c r="I55" s="16">
        <v>876</v>
      </c>
      <c r="J55" s="22">
        <v>266</v>
      </c>
      <c r="K55" s="22">
        <v>610</v>
      </c>
    </row>
    <row r="56" spans="1:11" ht="15" customHeight="1">
      <c r="A56" s="20" t="s">
        <v>107</v>
      </c>
      <c r="B56" s="20"/>
      <c r="C56" s="16">
        <v>3165</v>
      </c>
      <c r="D56" s="22">
        <v>1641</v>
      </c>
      <c r="E56" s="22">
        <v>1524</v>
      </c>
      <c r="F56" s="22"/>
      <c r="G56" s="21" t="s">
        <v>108</v>
      </c>
      <c r="H56" s="20"/>
      <c r="I56" s="16">
        <v>684</v>
      </c>
      <c r="J56" s="22">
        <v>167</v>
      </c>
      <c r="K56" s="22">
        <v>517</v>
      </c>
    </row>
    <row r="57" spans="1:11" ht="15" customHeight="1">
      <c r="A57" s="20" t="s">
        <v>109</v>
      </c>
      <c r="B57" s="20"/>
      <c r="C57" s="16">
        <v>3310</v>
      </c>
      <c r="D57" s="22">
        <v>1702</v>
      </c>
      <c r="E57" s="22">
        <v>1608</v>
      </c>
      <c r="F57" s="22"/>
      <c r="G57" s="21" t="s">
        <v>110</v>
      </c>
      <c r="H57" s="20"/>
      <c r="I57" s="16">
        <v>595</v>
      </c>
      <c r="J57" s="22">
        <v>179</v>
      </c>
      <c r="K57" s="22">
        <v>416</v>
      </c>
    </row>
    <row r="58" spans="1:11" ht="15" customHeight="1">
      <c r="A58" s="20" t="s">
        <v>111</v>
      </c>
      <c r="B58" s="20"/>
      <c r="C58" s="16">
        <v>3404</v>
      </c>
      <c r="D58" s="22">
        <v>1724</v>
      </c>
      <c r="E58" s="22">
        <v>1680</v>
      </c>
      <c r="F58" s="22"/>
      <c r="G58" s="21" t="s">
        <v>112</v>
      </c>
      <c r="H58" s="20"/>
      <c r="I58" s="16">
        <v>525</v>
      </c>
      <c r="J58" s="22">
        <v>139</v>
      </c>
      <c r="K58" s="22">
        <v>386</v>
      </c>
    </row>
    <row r="59" spans="1:11" ht="20.100000000000001" customHeight="1">
      <c r="A59" s="20" t="s">
        <v>113</v>
      </c>
      <c r="B59" s="20"/>
      <c r="C59" s="16">
        <v>19473</v>
      </c>
      <c r="D59" s="17">
        <v>10009</v>
      </c>
      <c r="E59" s="17">
        <v>9464</v>
      </c>
      <c r="F59" s="17"/>
      <c r="G59" s="21" t="s">
        <v>114</v>
      </c>
      <c r="H59" s="20"/>
      <c r="I59" s="16">
        <v>1126</v>
      </c>
      <c r="J59" s="17">
        <v>273</v>
      </c>
      <c r="K59" s="17">
        <v>853</v>
      </c>
    </row>
    <row r="60" spans="1:11" ht="15" customHeight="1">
      <c r="A60" s="20" t="s">
        <v>115</v>
      </c>
      <c r="B60" s="20"/>
      <c r="C60" s="16">
        <v>3527</v>
      </c>
      <c r="D60" s="22">
        <v>1850</v>
      </c>
      <c r="E60" s="22">
        <v>1677</v>
      </c>
      <c r="F60" s="22"/>
      <c r="G60" s="21" t="s">
        <v>116</v>
      </c>
      <c r="H60" s="20"/>
      <c r="I60" s="16">
        <v>355</v>
      </c>
      <c r="J60" s="22">
        <v>104</v>
      </c>
      <c r="K60" s="22">
        <v>251</v>
      </c>
    </row>
    <row r="61" spans="1:11" ht="15" customHeight="1">
      <c r="A61" s="20" t="s">
        <v>117</v>
      </c>
      <c r="B61" s="20"/>
      <c r="C61" s="16">
        <v>3662</v>
      </c>
      <c r="D61" s="22">
        <v>1908</v>
      </c>
      <c r="E61" s="22">
        <v>1754</v>
      </c>
      <c r="F61" s="22"/>
      <c r="G61" s="21" t="s">
        <v>118</v>
      </c>
      <c r="H61" s="20"/>
      <c r="I61" s="16">
        <v>275</v>
      </c>
      <c r="J61" s="22">
        <v>77</v>
      </c>
      <c r="K61" s="22">
        <v>198</v>
      </c>
    </row>
    <row r="62" spans="1:11" ht="15" customHeight="1">
      <c r="A62" s="20" t="s">
        <v>119</v>
      </c>
      <c r="B62" s="20"/>
      <c r="C62" s="16">
        <v>3847</v>
      </c>
      <c r="D62" s="22">
        <v>1930</v>
      </c>
      <c r="E62" s="22">
        <v>1917</v>
      </c>
      <c r="F62" s="22"/>
      <c r="G62" s="21" t="s">
        <v>120</v>
      </c>
      <c r="H62" s="20"/>
      <c r="I62" s="16">
        <v>229</v>
      </c>
      <c r="J62" s="22">
        <v>47</v>
      </c>
      <c r="K62" s="22">
        <v>182</v>
      </c>
    </row>
    <row r="63" spans="1:11" ht="15" customHeight="1">
      <c r="A63" s="20" t="s">
        <v>121</v>
      </c>
      <c r="B63" s="20"/>
      <c r="C63" s="16">
        <v>4180</v>
      </c>
      <c r="D63" s="22">
        <v>2134</v>
      </c>
      <c r="E63" s="22">
        <v>2046</v>
      </c>
      <c r="F63" s="22"/>
      <c r="G63" s="21" t="s">
        <v>122</v>
      </c>
      <c r="H63" s="20"/>
      <c r="I63" s="16">
        <v>156</v>
      </c>
      <c r="J63" s="22">
        <v>32</v>
      </c>
      <c r="K63" s="22">
        <v>124</v>
      </c>
    </row>
    <row r="64" spans="1:11" ht="15" customHeight="1">
      <c r="A64" s="20" t="s">
        <v>123</v>
      </c>
      <c r="B64" s="20"/>
      <c r="C64" s="16">
        <v>4257</v>
      </c>
      <c r="D64" s="22">
        <v>2187</v>
      </c>
      <c r="E64" s="22">
        <v>2070</v>
      </c>
      <c r="F64" s="22"/>
      <c r="G64" s="21" t="s">
        <v>124</v>
      </c>
      <c r="H64" s="20"/>
      <c r="I64" s="16">
        <v>111</v>
      </c>
      <c r="J64" s="22">
        <v>13</v>
      </c>
      <c r="K64" s="22">
        <v>98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233</v>
      </c>
      <c r="J65" s="22">
        <v>36</v>
      </c>
      <c r="K65" s="22">
        <v>197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5486</v>
      </c>
      <c r="J66" s="32">
        <v>3322</v>
      </c>
      <c r="K66" s="32">
        <v>2164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2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42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443832</v>
      </c>
      <c r="D4" s="17">
        <v>218983</v>
      </c>
      <c r="E4" s="17">
        <v>224849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6923</v>
      </c>
      <c r="D5" s="17">
        <v>8697</v>
      </c>
      <c r="E5" s="17">
        <v>8226</v>
      </c>
      <c r="F5" s="17"/>
      <c r="G5" s="21" t="s">
        <v>6</v>
      </c>
      <c r="H5" s="20"/>
      <c r="I5" s="16">
        <v>37120</v>
      </c>
      <c r="J5" s="17">
        <v>18708</v>
      </c>
      <c r="K5" s="17">
        <v>18412</v>
      </c>
    </row>
    <row r="6" spans="1:11" ht="15" customHeight="1">
      <c r="A6" s="20" t="s">
        <v>7</v>
      </c>
      <c r="B6" s="20"/>
      <c r="C6" s="16">
        <v>3103</v>
      </c>
      <c r="D6" s="22">
        <v>1592</v>
      </c>
      <c r="E6" s="22">
        <v>1511</v>
      </c>
      <c r="F6" s="22"/>
      <c r="G6" s="21" t="s">
        <v>8</v>
      </c>
      <c r="H6" s="20"/>
      <c r="I6" s="16">
        <v>7684</v>
      </c>
      <c r="J6" s="22">
        <v>3873</v>
      </c>
      <c r="K6" s="22">
        <v>3811</v>
      </c>
    </row>
    <row r="7" spans="1:11" ht="15" customHeight="1">
      <c r="A7" s="20" t="s">
        <v>9</v>
      </c>
      <c r="B7" s="20"/>
      <c r="C7" s="16">
        <v>3288</v>
      </c>
      <c r="D7" s="22">
        <v>1696</v>
      </c>
      <c r="E7" s="22">
        <v>1592</v>
      </c>
      <c r="F7" s="22"/>
      <c r="G7" s="21" t="s">
        <v>10</v>
      </c>
      <c r="H7" s="20"/>
      <c r="I7" s="16">
        <v>7654</v>
      </c>
      <c r="J7" s="22">
        <v>3810</v>
      </c>
      <c r="K7" s="22">
        <v>3844</v>
      </c>
    </row>
    <row r="8" spans="1:11" ht="15" customHeight="1">
      <c r="A8" s="20" t="s">
        <v>11</v>
      </c>
      <c r="B8" s="20"/>
      <c r="C8" s="16">
        <v>3372</v>
      </c>
      <c r="D8" s="22">
        <v>1745</v>
      </c>
      <c r="E8" s="22">
        <v>1627</v>
      </c>
      <c r="F8" s="22"/>
      <c r="G8" s="21" t="s">
        <v>12</v>
      </c>
      <c r="H8" s="20"/>
      <c r="I8" s="16">
        <v>7419</v>
      </c>
      <c r="J8" s="22">
        <v>3720</v>
      </c>
      <c r="K8" s="22">
        <v>3699</v>
      </c>
    </row>
    <row r="9" spans="1:11" ht="15" customHeight="1">
      <c r="A9" s="20" t="s">
        <v>13</v>
      </c>
      <c r="B9" s="20"/>
      <c r="C9" s="16">
        <v>3501</v>
      </c>
      <c r="D9" s="22">
        <v>1795</v>
      </c>
      <c r="E9" s="22">
        <v>1706</v>
      </c>
      <c r="F9" s="22"/>
      <c r="G9" s="21" t="s">
        <v>14</v>
      </c>
      <c r="H9" s="20"/>
      <c r="I9" s="16">
        <v>7157</v>
      </c>
      <c r="J9" s="22">
        <v>3681</v>
      </c>
      <c r="K9" s="22">
        <v>3476</v>
      </c>
    </row>
    <row r="10" spans="1:11" ht="15" customHeight="1">
      <c r="A10" s="20" t="s">
        <v>15</v>
      </c>
      <c r="B10" s="20"/>
      <c r="C10" s="16">
        <v>3659</v>
      </c>
      <c r="D10" s="22">
        <v>1869</v>
      </c>
      <c r="E10" s="22">
        <v>1790</v>
      </c>
      <c r="F10" s="22"/>
      <c r="G10" s="21" t="s">
        <v>16</v>
      </c>
      <c r="H10" s="20"/>
      <c r="I10" s="16">
        <v>7206</v>
      </c>
      <c r="J10" s="22">
        <v>3624</v>
      </c>
      <c r="K10" s="22">
        <v>3582</v>
      </c>
    </row>
    <row r="11" spans="1:11" ht="20.100000000000001" customHeight="1">
      <c r="A11" s="20" t="s">
        <v>17</v>
      </c>
      <c r="B11" s="20"/>
      <c r="C11" s="16">
        <v>19281</v>
      </c>
      <c r="D11" s="17">
        <v>9914</v>
      </c>
      <c r="E11" s="17">
        <v>9367</v>
      </c>
      <c r="F11" s="17"/>
      <c r="G11" s="21" t="s">
        <v>18</v>
      </c>
      <c r="H11" s="20"/>
      <c r="I11" s="16">
        <v>30832</v>
      </c>
      <c r="J11" s="17">
        <v>15972</v>
      </c>
      <c r="K11" s="17">
        <v>14860</v>
      </c>
    </row>
    <row r="12" spans="1:11" ht="15" customHeight="1">
      <c r="A12" s="20" t="s">
        <v>19</v>
      </c>
      <c r="B12" s="20"/>
      <c r="C12" s="16">
        <v>3624</v>
      </c>
      <c r="D12" s="22">
        <v>1857</v>
      </c>
      <c r="E12" s="22">
        <v>1767</v>
      </c>
      <c r="F12" s="22"/>
      <c r="G12" s="21" t="s">
        <v>20</v>
      </c>
      <c r="H12" s="20"/>
      <c r="I12" s="16">
        <v>7359</v>
      </c>
      <c r="J12" s="22">
        <v>3868</v>
      </c>
      <c r="K12" s="22">
        <v>3491</v>
      </c>
    </row>
    <row r="13" spans="1:11" ht="15" customHeight="1">
      <c r="A13" s="20" t="s">
        <v>21</v>
      </c>
      <c r="B13" s="20"/>
      <c r="C13" s="16">
        <v>3925</v>
      </c>
      <c r="D13" s="22">
        <v>2026</v>
      </c>
      <c r="E13" s="22">
        <v>1899</v>
      </c>
      <c r="F13" s="22"/>
      <c r="G13" s="21" t="s">
        <v>22</v>
      </c>
      <c r="H13" s="20"/>
      <c r="I13" s="16">
        <v>5120</v>
      </c>
      <c r="J13" s="22">
        <v>2655</v>
      </c>
      <c r="K13" s="22">
        <v>2465</v>
      </c>
    </row>
    <row r="14" spans="1:11" ht="15" customHeight="1">
      <c r="A14" s="20" t="s">
        <v>23</v>
      </c>
      <c r="B14" s="20"/>
      <c r="C14" s="16">
        <v>3910</v>
      </c>
      <c r="D14" s="22">
        <v>1998</v>
      </c>
      <c r="E14" s="22">
        <v>1912</v>
      </c>
      <c r="F14" s="22"/>
      <c r="G14" s="21" t="s">
        <v>24</v>
      </c>
      <c r="H14" s="20"/>
      <c r="I14" s="16">
        <v>6563</v>
      </c>
      <c r="J14" s="22">
        <v>3358</v>
      </c>
      <c r="K14" s="22">
        <v>3205</v>
      </c>
    </row>
    <row r="15" spans="1:11" ht="15" customHeight="1">
      <c r="A15" s="20" t="s">
        <v>25</v>
      </c>
      <c r="B15" s="20"/>
      <c r="C15" s="16">
        <v>3885</v>
      </c>
      <c r="D15" s="22">
        <v>2012</v>
      </c>
      <c r="E15" s="22">
        <v>1873</v>
      </c>
      <c r="F15" s="22"/>
      <c r="G15" s="21" t="s">
        <v>26</v>
      </c>
      <c r="H15" s="20"/>
      <c r="I15" s="16">
        <v>6015</v>
      </c>
      <c r="J15" s="22">
        <v>3095</v>
      </c>
      <c r="K15" s="22">
        <v>2920</v>
      </c>
    </row>
    <row r="16" spans="1:11" ht="15" customHeight="1">
      <c r="A16" s="20" t="s">
        <v>27</v>
      </c>
      <c r="B16" s="20"/>
      <c r="C16" s="16">
        <v>3937</v>
      </c>
      <c r="D16" s="22">
        <v>2021</v>
      </c>
      <c r="E16" s="22">
        <v>1916</v>
      </c>
      <c r="F16" s="22"/>
      <c r="G16" s="21" t="s">
        <v>28</v>
      </c>
      <c r="H16" s="20"/>
      <c r="I16" s="16">
        <v>5775</v>
      </c>
      <c r="J16" s="22">
        <v>2996</v>
      </c>
      <c r="K16" s="22">
        <v>2779</v>
      </c>
    </row>
    <row r="17" spans="1:11" ht="20.100000000000001" customHeight="1">
      <c r="A17" s="24" t="s">
        <v>29</v>
      </c>
      <c r="B17" s="24"/>
      <c r="C17" s="16">
        <v>20184</v>
      </c>
      <c r="D17" s="17">
        <v>10324</v>
      </c>
      <c r="E17" s="17">
        <v>9860</v>
      </c>
      <c r="F17" s="17"/>
      <c r="G17" s="21" t="s">
        <v>30</v>
      </c>
      <c r="H17" s="20"/>
      <c r="I17" s="16">
        <v>23810</v>
      </c>
      <c r="J17" s="17">
        <v>12148</v>
      </c>
      <c r="K17" s="17">
        <v>11662</v>
      </c>
    </row>
    <row r="18" spans="1:11" ht="15" customHeight="1">
      <c r="A18" s="20" t="s">
        <v>31</v>
      </c>
      <c r="B18" s="20"/>
      <c r="C18" s="16">
        <v>3963</v>
      </c>
      <c r="D18" s="22">
        <v>1999</v>
      </c>
      <c r="E18" s="22">
        <v>1964</v>
      </c>
      <c r="F18" s="22"/>
      <c r="G18" s="21" t="s">
        <v>32</v>
      </c>
      <c r="H18" s="20"/>
      <c r="I18" s="16">
        <v>5141</v>
      </c>
      <c r="J18" s="22">
        <v>2678</v>
      </c>
      <c r="K18" s="22">
        <v>2463</v>
      </c>
    </row>
    <row r="19" spans="1:11" ht="15" customHeight="1">
      <c r="A19" s="20" t="s">
        <v>33</v>
      </c>
      <c r="B19" s="20"/>
      <c r="C19" s="16">
        <v>4001</v>
      </c>
      <c r="D19" s="22">
        <v>2074</v>
      </c>
      <c r="E19" s="22">
        <v>1927</v>
      </c>
      <c r="F19" s="22"/>
      <c r="G19" s="21" t="s">
        <v>34</v>
      </c>
      <c r="H19" s="20"/>
      <c r="I19" s="16">
        <v>4918</v>
      </c>
      <c r="J19" s="22">
        <v>2455</v>
      </c>
      <c r="K19" s="22">
        <v>2463</v>
      </c>
    </row>
    <row r="20" spans="1:11" ht="15" customHeight="1">
      <c r="A20" s="20" t="s">
        <v>35</v>
      </c>
      <c r="B20" s="20"/>
      <c r="C20" s="16">
        <v>3989</v>
      </c>
      <c r="D20" s="22">
        <v>2039</v>
      </c>
      <c r="E20" s="22">
        <v>1950</v>
      </c>
      <c r="F20" s="22"/>
      <c r="G20" s="21" t="s">
        <v>36</v>
      </c>
      <c r="H20" s="20"/>
      <c r="I20" s="16">
        <v>4797</v>
      </c>
      <c r="J20" s="22">
        <v>2447</v>
      </c>
      <c r="K20" s="22">
        <v>2350</v>
      </c>
    </row>
    <row r="21" spans="1:11" ht="15" customHeight="1">
      <c r="A21" s="20" t="s">
        <v>37</v>
      </c>
      <c r="B21" s="20"/>
      <c r="C21" s="16">
        <v>4134</v>
      </c>
      <c r="D21" s="22">
        <v>2124</v>
      </c>
      <c r="E21" s="22">
        <v>2010</v>
      </c>
      <c r="F21" s="22"/>
      <c r="G21" s="21" t="s">
        <v>38</v>
      </c>
      <c r="H21" s="20"/>
      <c r="I21" s="16">
        <v>4508</v>
      </c>
      <c r="J21" s="22">
        <v>2316</v>
      </c>
      <c r="K21" s="22">
        <v>2192</v>
      </c>
    </row>
    <row r="22" spans="1:11" ht="15" customHeight="1">
      <c r="A22" s="20" t="s">
        <v>39</v>
      </c>
      <c r="B22" s="20"/>
      <c r="C22" s="16">
        <v>4097</v>
      </c>
      <c r="D22" s="22">
        <v>2088</v>
      </c>
      <c r="E22" s="22">
        <v>2009</v>
      </c>
      <c r="F22" s="22"/>
      <c r="G22" s="21" t="s">
        <v>40</v>
      </c>
      <c r="H22" s="20"/>
      <c r="I22" s="16">
        <v>4446</v>
      </c>
      <c r="J22" s="22">
        <v>2252</v>
      </c>
      <c r="K22" s="22">
        <v>2194</v>
      </c>
    </row>
    <row r="23" spans="1:11" ht="20.100000000000001" customHeight="1">
      <c r="A23" s="20" t="s">
        <v>41</v>
      </c>
      <c r="B23" s="20"/>
      <c r="C23" s="16">
        <v>20346</v>
      </c>
      <c r="D23" s="17">
        <v>10391</v>
      </c>
      <c r="E23" s="17">
        <v>9955</v>
      </c>
      <c r="F23" s="17"/>
      <c r="G23" s="21" t="s">
        <v>42</v>
      </c>
      <c r="H23" s="20"/>
      <c r="I23" s="16">
        <v>20616</v>
      </c>
      <c r="J23" s="17">
        <v>9983</v>
      </c>
      <c r="K23" s="17">
        <v>10633</v>
      </c>
    </row>
    <row r="24" spans="1:11" ht="15" customHeight="1">
      <c r="A24" s="20" t="s">
        <v>43</v>
      </c>
      <c r="B24" s="20"/>
      <c r="C24" s="16">
        <v>4032</v>
      </c>
      <c r="D24" s="22">
        <v>2092</v>
      </c>
      <c r="E24" s="22">
        <v>1940</v>
      </c>
      <c r="F24" s="22"/>
      <c r="G24" s="21" t="s">
        <v>44</v>
      </c>
      <c r="H24" s="20"/>
      <c r="I24" s="16">
        <v>4060</v>
      </c>
      <c r="J24" s="22">
        <v>1989</v>
      </c>
      <c r="K24" s="22">
        <v>2071</v>
      </c>
    </row>
    <row r="25" spans="1:11" ht="15" customHeight="1">
      <c r="A25" s="20" t="s">
        <v>45</v>
      </c>
      <c r="B25" s="20"/>
      <c r="C25" s="16">
        <v>3956</v>
      </c>
      <c r="D25" s="22">
        <v>2031</v>
      </c>
      <c r="E25" s="22">
        <v>1925</v>
      </c>
      <c r="F25" s="22"/>
      <c r="G25" s="21" t="s">
        <v>46</v>
      </c>
      <c r="H25" s="20"/>
      <c r="I25" s="16">
        <v>4016</v>
      </c>
      <c r="J25" s="22">
        <v>1958</v>
      </c>
      <c r="K25" s="22">
        <v>2058</v>
      </c>
    </row>
    <row r="26" spans="1:11" ht="15" customHeight="1">
      <c r="A26" s="20" t="s">
        <v>47</v>
      </c>
      <c r="B26" s="20"/>
      <c r="C26" s="16">
        <v>3857</v>
      </c>
      <c r="D26" s="22">
        <v>1943</v>
      </c>
      <c r="E26" s="22">
        <v>1914</v>
      </c>
      <c r="F26" s="22"/>
      <c r="G26" s="21" t="s">
        <v>48</v>
      </c>
      <c r="H26" s="20"/>
      <c r="I26" s="16">
        <v>4178</v>
      </c>
      <c r="J26" s="22">
        <v>2046</v>
      </c>
      <c r="K26" s="22">
        <v>2132</v>
      </c>
    </row>
    <row r="27" spans="1:11" ht="15" customHeight="1">
      <c r="A27" s="20" t="s">
        <v>49</v>
      </c>
      <c r="B27" s="20"/>
      <c r="C27" s="16">
        <v>4211</v>
      </c>
      <c r="D27" s="22">
        <v>2121</v>
      </c>
      <c r="E27" s="22">
        <v>2090</v>
      </c>
      <c r="F27" s="22"/>
      <c r="G27" s="21" t="s">
        <v>50</v>
      </c>
      <c r="H27" s="20"/>
      <c r="I27" s="16">
        <v>4179</v>
      </c>
      <c r="J27" s="22">
        <v>2023</v>
      </c>
      <c r="K27" s="22">
        <v>2156</v>
      </c>
    </row>
    <row r="28" spans="1:11" ht="15" customHeight="1">
      <c r="A28" s="20" t="s">
        <v>51</v>
      </c>
      <c r="B28" s="20"/>
      <c r="C28" s="16">
        <v>4290</v>
      </c>
      <c r="D28" s="22">
        <v>2204</v>
      </c>
      <c r="E28" s="22">
        <v>2086</v>
      </c>
      <c r="F28" s="22"/>
      <c r="G28" s="21" t="s">
        <v>52</v>
      </c>
      <c r="H28" s="20"/>
      <c r="I28" s="16">
        <v>4183</v>
      </c>
      <c r="J28" s="22">
        <v>1967</v>
      </c>
      <c r="K28" s="22">
        <v>2216</v>
      </c>
    </row>
    <row r="29" spans="1:11" ht="20.100000000000001" customHeight="1">
      <c r="A29" s="20" t="s">
        <v>53</v>
      </c>
      <c r="B29" s="20"/>
      <c r="C29" s="16">
        <v>22347</v>
      </c>
      <c r="D29" s="17">
        <v>11687</v>
      </c>
      <c r="E29" s="17">
        <v>10660</v>
      </c>
      <c r="F29" s="17"/>
      <c r="G29" s="21" t="s">
        <v>54</v>
      </c>
      <c r="H29" s="20"/>
      <c r="I29" s="16">
        <v>26694</v>
      </c>
      <c r="J29" s="17">
        <v>12324</v>
      </c>
      <c r="K29" s="17">
        <v>14370</v>
      </c>
    </row>
    <row r="30" spans="1:11" ht="15" customHeight="1">
      <c r="A30" s="20" t="s">
        <v>55</v>
      </c>
      <c r="B30" s="20"/>
      <c r="C30" s="16">
        <v>4206</v>
      </c>
      <c r="D30" s="22">
        <v>2201</v>
      </c>
      <c r="E30" s="22">
        <v>2005</v>
      </c>
      <c r="F30" s="22"/>
      <c r="G30" s="21" t="s">
        <v>56</v>
      </c>
      <c r="H30" s="20"/>
      <c r="I30" s="16">
        <v>4627</v>
      </c>
      <c r="J30" s="22">
        <v>2182</v>
      </c>
      <c r="K30" s="22">
        <v>2445</v>
      </c>
    </row>
    <row r="31" spans="1:11" ht="15" customHeight="1">
      <c r="A31" s="20" t="s">
        <v>57</v>
      </c>
      <c r="B31" s="20"/>
      <c r="C31" s="16">
        <v>4525</v>
      </c>
      <c r="D31" s="22">
        <v>2386</v>
      </c>
      <c r="E31" s="22">
        <v>2139</v>
      </c>
      <c r="F31" s="22"/>
      <c r="G31" s="21" t="s">
        <v>58</v>
      </c>
      <c r="H31" s="20"/>
      <c r="I31" s="16">
        <v>4860</v>
      </c>
      <c r="J31" s="22">
        <v>2228</v>
      </c>
      <c r="K31" s="22">
        <v>2632</v>
      </c>
    </row>
    <row r="32" spans="1:11" ht="15" customHeight="1">
      <c r="A32" s="20" t="s">
        <v>59</v>
      </c>
      <c r="B32" s="20"/>
      <c r="C32" s="16">
        <v>4738</v>
      </c>
      <c r="D32" s="22">
        <v>2520</v>
      </c>
      <c r="E32" s="22">
        <v>2218</v>
      </c>
      <c r="F32" s="22"/>
      <c r="G32" s="21" t="s">
        <v>60</v>
      </c>
      <c r="H32" s="20"/>
      <c r="I32" s="16">
        <v>5257</v>
      </c>
      <c r="J32" s="22">
        <v>2445</v>
      </c>
      <c r="K32" s="22">
        <v>2812</v>
      </c>
    </row>
    <row r="33" spans="1:11" ht="15" customHeight="1">
      <c r="A33" s="20" t="s">
        <v>61</v>
      </c>
      <c r="B33" s="20"/>
      <c r="C33" s="16">
        <v>4404</v>
      </c>
      <c r="D33" s="22">
        <v>2288</v>
      </c>
      <c r="E33" s="22">
        <v>2116</v>
      </c>
      <c r="F33" s="22"/>
      <c r="G33" s="21" t="s">
        <v>62</v>
      </c>
      <c r="H33" s="20"/>
      <c r="I33" s="16">
        <v>6031</v>
      </c>
      <c r="J33" s="22">
        <v>2752</v>
      </c>
      <c r="K33" s="22">
        <v>3279</v>
      </c>
    </row>
    <row r="34" spans="1:11" ht="15" customHeight="1">
      <c r="A34" s="20" t="s">
        <v>63</v>
      </c>
      <c r="B34" s="20"/>
      <c r="C34" s="16">
        <v>4474</v>
      </c>
      <c r="D34" s="22">
        <v>2292</v>
      </c>
      <c r="E34" s="22">
        <v>2182</v>
      </c>
      <c r="F34" s="22"/>
      <c r="G34" s="21" t="s">
        <v>64</v>
      </c>
      <c r="H34" s="20"/>
      <c r="I34" s="16">
        <v>5919</v>
      </c>
      <c r="J34" s="22">
        <v>2717</v>
      </c>
      <c r="K34" s="22">
        <v>3202</v>
      </c>
    </row>
    <row r="35" spans="1:11" ht="20.100000000000001" customHeight="1">
      <c r="A35" s="20" t="s">
        <v>65</v>
      </c>
      <c r="B35" s="20"/>
      <c r="C35" s="16">
        <v>21792</v>
      </c>
      <c r="D35" s="17">
        <v>11410</v>
      </c>
      <c r="E35" s="17">
        <v>10382</v>
      </c>
      <c r="F35" s="17"/>
      <c r="G35" s="21" t="s">
        <v>66</v>
      </c>
      <c r="H35" s="20"/>
      <c r="I35" s="16">
        <v>22643</v>
      </c>
      <c r="J35" s="17">
        <v>10097</v>
      </c>
      <c r="K35" s="17">
        <v>12546</v>
      </c>
    </row>
    <row r="36" spans="1:11" ht="15" customHeight="1">
      <c r="A36" s="20" t="s">
        <v>67</v>
      </c>
      <c r="B36" s="20"/>
      <c r="C36" s="16">
        <v>4403</v>
      </c>
      <c r="D36" s="22">
        <v>2295</v>
      </c>
      <c r="E36" s="22">
        <v>2108</v>
      </c>
      <c r="F36" s="22"/>
      <c r="G36" s="21" t="s">
        <v>68</v>
      </c>
      <c r="H36" s="20"/>
      <c r="I36" s="16">
        <v>5910</v>
      </c>
      <c r="J36" s="22">
        <v>2620</v>
      </c>
      <c r="K36" s="22">
        <v>3290</v>
      </c>
    </row>
    <row r="37" spans="1:11" ht="15" customHeight="1">
      <c r="A37" s="20" t="s">
        <v>69</v>
      </c>
      <c r="B37" s="20"/>
      <c r="C37" s="16">
        <v>4514</v>
      </c>
      <c r="D37" s="22">
        <v>2398</v>
      </c>
      <c r="E37" s="22">
        <v>2116</v>
      </c>
      <c r="F37" s="22"/>
      <c r="G37" s="21" t="s">
        <v>70</v>
      </c>
      <c r="H37" s="20"/>
      <c r="I37" s="16">
        <v>4147</v>
      </c>
      <c r="J37" s="22">
        <v>1904</v>
      </c>
      <c r="K37" s="22">
        <v>2243</v>
      </c>
    </row>
    <row r="38" spans="1:11" ht="15" customHeight="1">
      <c r="A38" s="20" t="s">
        <v>71</v>
      </c>
      <c r="B38" s="20"/>
      <c r="C38" s="16">
        <v>4206</v>
      </c>
      <c r="D38" s="22">
        <v>2210</v>
      </c>
      <c r="E38" s="22">
        <v>1996</v>
      </c>
      <c r="F38" s="22"/>
      <c r="G38" s="21" t="s">
        <v>72</v>
      </c>
      <c r="H38" s="20"/>
      <c r="I38" s="16">
        <v>3693</v>
      </c>
      <c r="J38" s="22">
        <v>1680</v>
      </c>
      <c r="K38" s="22">
        <v>2013</v>
      </c>
    </row>
    <row r="39" spans="1:11" ht="15" customHeight="1">
      <c r="A39" s="20" t="s">
        <v>73</v>
      </c>
      <c r="B39" s="20"/>
      <c r="C39" s="16">
        <v>4337</v>
      </c>
      <c r="D39" s="22">
        <v>2239</v>
      </c>
      <c r="E39" s="22">
        <v>2098</v>
      </c>
      <c r="F39" s="22"/>
      <c r="G39" s="21" t="s">
        <v>74</v>
      </c>
      <c r="H39" s="20"/>
      <c r="I39" s="16">
        <v>4388</v>
      </c>
      <c r="J39" s="22">
        <v>1926</v>
      </c>
      <c r="K39" s="22">
        <v>2462</v>
      </c>
    </row>
    <row r="40" spans="1:11" ht="15" customHeight="1">
      <c r="A40" s="20" t="s">
        <v>75</v>
      </c>
      <c r="B40" s="20"/>
      <c r="C40" s="16">
        <v>4332</v>
      </c>
      <c r="D40" s="22">
        <v>2268</v>
      </c>
      <c r="E40" s="22">
        <v>2064</v>
      </c>
      <c r="F40" s="22"/>
      <c r="G40" s="21" t="s">
        <v>76</v>
      </c>
      <c r="H40" s="20"/>
      <c r="I40" s="16">
        <v>4505</v>
      </c>
      <c r="J40" s="22">
        <v>1967</v>
      </c>
      <c r="K40" s="22">
        <v>2538</v>
      </c>
    </row>
    <row r="41" spans="1:11" ht="20.100000000000001" customHeight="1">
      <c r="A41" s="20" t="s">
        <v>77</v>
      </c>
      <c r="B41" s="20"/>
      <c r="C41" s="16">
        <v>22623</v>
      </c>
      <c r="D41" s="17">
        <v>11661</v>
      </c>
      <c r="E41" s="17">
        <v>10962</v>
      </c>
      <c r="F41" s="17"/>
      <c r="G41" s="21" t="s">
        <v>78</v>
      </c>
      <c r="H41" s="20"/>
      <c r="I41" s="16">
        <v>18176</v>
      </c>
      <c r="J41" s="17">
        <v>7689</v>
      </c>
      <c r="K41" s="17">
        <v>10487</v>
      </c>
    </row>
    <row r="42" spans="1:11" ht="15" customHeight="1">
      <c r="A42" s="20" t="s">
        <v>79</v>
      </c>
      <c r="B42" s="20"/>
      <c r="C42" s="16">
        <v>4275</v>
      </c>
      <c r="D42" s="22">
        <v>2247</v>
      </c>
      <c r="E42" s="22">
        <v>2028</v>
      </c>
      <c r="F42" s="22"/>
      <c r="G42" s="21" t="s">
        <v>80</v>
      </c>
      <c r="H42" s="20"/>
      <c r="I42" s="16">
        <v>4344</v>
      </c>
      <c r="J42" s="22">
        <v>1913</v>
      </c>
      <c r="K42" s="22">
        <v>2431</v>
      </c>
    </row>
    <row r="43" spans="1:11" ht="15" customHeight="1">
      <c r="A43" s="20" t="s">
        <v>81</v>
      </c>
      <c r="B43" s="20"/>
      <c r="C43" s="16">
        <v>4577</v>
      </c>
      <c r="D43" s="22">
        <v>2375</v>
      </c>
      <c r="E43" s="22">
        <v>2202</v>
      </c>
      <c r="F43" s="22"/>
      <c r="G43" s="21" t="s">
        <v>82</v>
      </c>
      <c r="H43" s="20"/>
      <c r="I43" s="16">
        <v>4293</v>
      </c>
      <c r="J43" s="22">
        <v>1807</v>
      </c>
      <c r="K43" s="22">
        <v>2486</v>
      </c>
    </row>
    <row r="44" spans="1:11" ht="15" customHeight="1">
      <c r="A44" s="20" t="s">
        <v>83</v>
      </c>
      <c r="B44" s="20"/>
      <c r="C44" s="16">
        <v>4558</v>
      </c>
      <c r="D44" s="22">
        <v>2350</v>
      </c>
      <c r="E44" s="22">
        <v>2208</v>
      </c>
      <c r="F44" s="22"/>
      <c r="G44" s="21" t="s">
        <v>84</v>
      </c>
      <c r="H44" s="20"/>
      <c r="I44" s="16">
        <v>3605</v>
      </c>
      <c r="J44" s="22">
        <v>1518</v>
      </c>
      <c r="K44" s="22">
        <v>2087</v>
      </c>
    </row>
    <row r="45" spans="1:11" ht="15" customHeight="1">
      <c r="A45" s="20" t="s">
        <v>85</v>
      </c>
      <c r="B45" s="20"/>
      <c r="C45" s="16">
        <v>4483</v>
      </c>
      <c r="D45" s="22">
        <v>2266</v>
      </c>
      <c r="E45" s="22">
        <v>2217</v>
      </c>
      <c r="F45" s="22"/>
      <c r="G45" s="21" t="s">
        <v>86</v>
      </c>
      <c r="H45" s="20"/>
      <c r="I45" s="16">
        <v>3002</v>
      </c>
      <c r="J45" s="22">
        <v>1271</v>
      </c>
      <c r="K45" s="22">
        <v>1731</v>
      </c>
    </row>
    <row r="46" spans="1:11" ht="15" customHeight="1">
      <c r="A46" s="20" t="s">
        <v>87</v>
      </c>
      <c r="B46" s="20"/>
      <c r="C46" s="16">
        <v>4730</v>
      </c>
      <c r="D46" s="22">
        <v>2423</v>
      </c>
      <c r="E46" s="22">
        <v>2307</v>
      </c>
      <c r="F46" s="22"/>
      <c r="G46" s="21" t="s">
        <v>88</v>
      </c>
      <c r="H46" s="20"/>
      <c r="I46" s="16">
        <v>2932</v>
      </c>
      <c r="J46" s="22">
        <v>1180</v>
      </c>
      <c r="K46" s="22">
        <v>1752</v>
      </c>
    </row>
    <row r="47" spans="1:11" ht="20.100000000000001" customHeight="1">
      <c r="A47" s="20" t="s">
        <v>89</v>
      </c>
      <c r="B47" s="20"/>
      <c r="C47" s="16">
        <v>26162</v>
      </c>
      <c r="D47" s="17">
        <v>13148</v>
      </c>
      <c r="E47" s="17">
        <v>13014</v>
      </c>
      <c r="F47" s="17"/>
      <c r="G47" s="21" t="s">
        <v>90</v>
      </c>
      <c r="H47" s="20"/>
      <c r="I47" s="16">
        <v>12199</v>
      </c>
      <c r="J47" s="17">
        <v>4663</v>
      </c>
      <c r="K47" s="17">
        <v>7536</v>
      </c>
    </row>
    <row r="48" spans="1:11" ht="15" customHeight="1">
      <c r="A48" s="20" t="s">
        <v>91</v>
      </c>
      <c r="B48" s="20"/>
      <c r="C48" s="16">
        <v>4628</v>
      </c>
      <c r="D48" s="22">
        <v>2304</v>
      </c>
      <c r="E48" s="22">
        <v>2324</v>
      </c>
      <c r="F48" s="22"/>
      <c r="G48" s="21" t="s">
        <v>92</v>
      </c>
      <c r="H48" s="20"/>
      <c r="I48" s="16">
        <v>3013</v>
      </c>
      <c r="J48" s="22">
        <v>1244</v>
      </c>
      <c r="K48" s="22">
        <v>1769</v>
      </c>
    </row>
    <row r="49" spans="1:11" ht="15" customHeight="1">
      <c r="A49" s="20" t="s">
        <v>93</v>
      </c>
      <c r="B49" s="20"/>
      <c r="C49" s="16">
        <v>4960</v>
      </c>
      <c r="D49" s="22">
        <v>2538</v>
      </c>
      <c r="E49" s="22">
        <v>2422</v>
      </c>
      <c r="F49" s="22"/>
      <c r="G49" s="21" t="s">
        <v>94</v>
      </c>
      <c r="H49" s="20"/>
      <c r="I49" s="16">
        <v>2757</v>
      </c>
      <c r="J49" s="22">
        <v>1058</v>
      </c>
      <c r="K49" s="22">
        <v>1699</v>
      </c>
    </row>
    <row r="50" spans="1:11" ht="15" customHeight="1">
      <c r="A50" s="20" t="s">
        <v>95</v>
      </c>
      <c r="B50" s="20"/>
      <c r="C50" s="16">
        <v>5292</v>
      </c>
      <c r="D50" s="22">
        <v>2637</v>
      </c>
      <c r="E50" s="22">
        <v>2655</v>
      </c>
      <c r="F50" s="22"/>
      <c r="G50" s="21" t="s">
        <v>96</v>
      </c>
      <c r="H50" s="20"/>
      <c r="I50" s="16">
        <v>2521</v>
      </c>
      <c r="J50" s="22">
        <v>964</v>
      </c>
      <c r="K50" s="22">
        <v>1557</v>
      </c>
    </row>
    <row r="51" spans="1:11" ht="15" customHeight="1">
      <c r="A51" s="20" t="s">
        <v>97</v>
      </c>
      <c r="B51" s="20"/>
      <c r="C51" s="16">
        <v>5502</v>
      </c>
      <c r="D51" s="22">
        <v>2744</v>
      </c>
      <c r="E51" s="22">
        <v>2758</v>
      </c>
      <c r="F51" s="22"/>
      <c r="G51" s="21" t="s">
        <v>98</v>
      </c>
      <c r="H51" s="20"/>
      <c r="I51" s="16">
        <v>2022</v>
      </c>
      <c r="J51" s="22">
        <v>736</v>
      </c>
      <c r="K51" s="22">
        <v>1286</v>
      </c>
    </row>
    <row r="52" spans="1:11" ht="15" customHeight="1">
      <c r="A52" s="20" t="s">
        <v>99</v>
      </c>
      <c r="B52" s="20"/>
      <c r="C52" s="16">
        <v>5780</v>
      </c>
      <c r="D52" s="22">
        <v>2925</v>
      </c>
      <c r="E52" s="22">
        <v>2855</v>
      </c>
      <c r="F52" s="22"/>
      <c r="G52" s="21" t="s">
        <v>100</v>
      </c>
      <c r="H52" s="20"/>
      <c r="I52" s="16">
        <v>1886</v>
      </c>
      <c r="J52" s="22">
        <v>661</v>
      </c>
      <c r="K52" s="22">
        <v>1225</v>
      </c>
    </row>
    <row r="53" spans="1:11" ht="20.100000000000001" customHeight="1">
      <c r="A53" s="20" t="s">
        <v>101</v>
      </c>
      <c r="B53" s="20"/>
      <c r="C53" s="16">
        <v>30401</v>
      </c>
      <c r="D53" s="17">
        <v>15187</v>
      </c>
      <c r="E53" s="17">
        <v>15214</v>
      </c>
      <c r="F53" s="17"/>
      <c r="G53" s="21" t="s">
        <v>102</v>
      </c>
      <c r="H53" s="20"/>
      <c r="I53" s="16">
        <v>5698</v>
      </c>
      <c r="J53" s="17">
        <v>1673</v>
      </c>
      <c r="K53" s="17">
        <v>4025</v>
      </c>
    </row>
    <row r="54" spans="1:11" ht="15" customHeight="1">
      <c r="A54" s="20" t="s">
        <v>103</v>
      </c>
      <c r="B54" s="20"/>
      <c r="C54" s="16">
        <v>5764</v>
      </c>
      <c r="D54" s="22">
        <v>2881</v>
      </c>
      <c r="E54" s="22">
        <v>2883</v>
      </c>
      <c r="F54" s="22"/>
      <c r="G54" s="21" t="s">
        <v>104</v>
      </c>
      <c r="H54" s="20"/>
      <c r="I54" s="16">
        <v>1527</v>
      </c>
      <c r="J54" s="22">
        <v>526</v>
      </c>
      <c r="K54" s="22">
        <v>1001</v>
      </c>
    </row>
    <row r="55" spans="1:11" ht="15" customHeight="1">
      <c r="A55" s="20" t="s">
        <v>105</v>
      </c>
      <c r="B55" s="20"/>
      <c r="C55" s="16">
        <v>5848</v>
      </c>
      <c r="D55" s="22">
        <v>2901</v>
      </c>
      <c r="E55" s="22">
        <v>2947</v>
      </c>
      <c r="F55" s="22"/>
      <c r="G55" s="21" t="s">
        <v>106</v>
      </c>
      <c r="H55" s="20"/>
      <c r="I55" s="16">
        <v>1350</v>
      </c>
      <c r="J55" s="22">
        <v>382</v>
      </c>
      <c r="K55" s="22">
        <v>968</v>
      </c>
    </row>
    <row r="56" spans="1:11" ht="15" customHeight="1">
      <c r="A56" s="20" t="s">
        <v>107</v>
      </c>
      <c r="B56" s="20"/>
      <c r="C56" s="16">
        <v>6040</v>
      </c>
      <c r="D56" s="22">
        <v>2995</v>
      </c>
      <c r="E56" s="22">
        <v>3045</v>
      </c>
      <c r="F56" s="22"/>
      <c r="G56" s="21" t="s">
        <v>108</v>
      </c>
      <c r="H56" s="20"/>
      <c r="I56" s="16">
        <v>1174</v>
      </c>
      <c r="J56" s="22">
        <v>336</v>
      </c>
      <c r="K56" s="22">
        <v>838</v>
      </c>
    </row>
    <row r="57" spans="1:11" ht="15" customHeight="1">
      <c r="A57" s="20" t="s">
        <v>109</v>
      </c>
      <c r="B57" s="20"/>
      <c r="C57" s="16">
        <v>6326</v>
      </c>
      <c r="D57" s="22">
        <v>3203</v>
      </c>
      <c r="E57" s="22">
        <v>3123</v>
      </c>
      <c r="F57" s="22"/>
      <c r="G57" s="21" t="s">
        <v>110</v>
      </c>
      <c r="H57" s="20"/>
      <c r="I57" s="16">
        <v>906</v>
      </c>
      <c r="J57" s="22">
        <v>256</v>
      </c>
      <c r="K57" s="22">
        <v>650</v>
      </c>
    </row>
    <row r="58" spans="1:11" ht="15" customHeight="1">
      <c r="A58" s="20" t="s">
        <v>111</v>
      </c>
      <c r="B58" s="20"/>
      <c r="C58" s="16">
        <v>6423</v>
      </c>
      <c r="D58" s="22">
        <v>3207</v>
      </c>
      <c r="E58" s="22">
        <v>3216</v>
      </c>
      <c r="F58" s="22"/>
      <c r="G58" s="21" t="s">
        <v>112</v>
      </c>
      <c r="H58" s="20"/>
      <c r="I58" s="16">
        <v>741</v>
      </c>
      <c r="J58" s="22">
        <v>173</v>
      </c>
      <c r="K58" s="22">
        <v>568</v>
      </c>
    </row>
    <row r="59" spans="1:11" ht="20.100000000000001" customHeight="1">
      <c r="A59" s="20" t="s">
        <v>113</v>
      </c>
      <c r="B59" s="20"/>
      <c r="C59" s="16">
        <v>35870</v>
      </c>
      <c r="D59" s="17">
        <v>17952</v>
      </c>
      <c r="E59" s="17">
        <v>17918</v>
      </c>
      <c r="F59" s="17"/>
      <c r="G59" s="21" t="s">
        <v>114</v>
      </c>
      <c r="H59" s="20"/>
      <c r="I59" s="16">
        <v>1537</v>
      </c>
      <c r="J59" s="17">
        <v>331</v>
      </c>
      <c r="K59" s="17">
        <v>1206</v>
      </c>
    </row>
    <row r="60" spans="1:11" ht="15" customHeight="1">
      <c r="A60" s="20" t="s">
        <v>115</v>
      </c>
      <c r="B60" s="20"/>
      <c r="C60" s="16">
        <v>6601</v>
      </c>
      <c r="D60" s="22">
        <v>3308</v>
      </c>
      <c r="E60" s="22">
        <v>3293</v>
      </c>
      <c r="F60" s="22"/>
      <c r="G60" s="21" t="s">
        <v>116</v>
      </c>
      <c r="H60" s="20"/>
      <c r="I60" s="16">
        <v>549</v>
      </c>
      <c r="J60" s="22">
        <v>124</v>
      </c>
      <c r="K60" s="22">
        <v>425</v>
      </c>
    </row>
    <row r="61" spans="1:11" ht="15" customHeight="1">
      <c r="A61" s="20" t="s">
        <v>117</v>
      </c>
      <c r="B61" s="20"/>
      <c r="C61" s="16">
        <v>6861</v>
      </c>
      <c r="D61" s="22">
        <v>3466</v>
      </c>
      <c r="E61" s="22">
        <v>3395</v>
      </c>
      <c r="F61" s="22"/>
      <c r="G61" s="21" t="s">
        <v>118</v>
      </c>
      <c r="H61" s="20"/>
      <c r="I61" s="16">
        <v>371</v>
      </c>
      <c r="J61" s="22">
        <v>86</v>
      </c>
      <c r="K61" s="22">
        <v>285</v>
      </c>
    </row>
    <row r="62" spans="1:11" ht="15" customHeight="1">
      <c r="A62" s="20" t="s">
        <v>119</v>
      </c>
      <c r="B62" s="20"/>
      <c r="C62" s="16">
        <v>6960</v>
      </c>
      <c r="D62" s="22">
        <v>3423</v>
      </c>
      <c r="E62" s="22">
        <v>3537</v>
      </c>
      <c r="F62" s="22"/>
      <c r="G62" s="21" t="s">
        <v>120</v>
      </c>
      <c r="H62" s="20"/>
      <c r="I62" s="16">
        <v>299</v>
      </c>
      <c r="J62" s="22">
        <v>60</v>
      </c>
      <c r="K62" s="22">
        <v>239</v>
      </c>
    </row>
    <row r="63" spans="1:11" ht="15" customHeight="1">
      <c r="A63" s="20" t="s">
        <v>121</v>
      </c>
      <c r="B63" s="20"/>
      <c r="C63" s="16">
        <v>7454</v>
      </c>
      <c r="D63" s="22">
        <v>3777</v>
      </c>
      <c r="E63" s="22">
        <v>3677</v>
      </c>
      <c r="F63" s="22"/>
      <c r="G63" s="21" t="s">
        <v>122</v>
      </c>
      <c r="H63" s="20"/>
      <c r="I63" s="16">
        <v>178</v>
      </c>
      <c r="J63" s="22">
        <v>28</v>
      </c>
      <c r="K63" s="22">
        <v>150</v>
      </c>
    </row>
    <row r="64" spans="1:11" ht="15" customHeight="1">
      <c r="A64" s="20" t="s">
        <v>123</v>
      </c>
      <c r="B64" s="20"/>
      <c r="C64" s="16">
        <v>7994</v>
      </c>
      <c r="D64" s="22">
        <v>3978</v>
      </c>
      <c r="E64" s="22">
        <v>4016</v>
      </c>
      <c r="F64" s="22"/>
      <c r="G64" s="21" t="s">
        <v>124</v>
      </c>
      <c r="H64" s="20"/>
      <c r="I64" s="16">
        <v>140</v>
      </c>
      <c r="J64" s="22">
        <v>33</v>
      </c>
      <c r="K64" s="22">
        <v>107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253</v>
      </c>
      <c r="J65" s="22">
        <v>44</v>
      </c>
      <c r="K65" s="22">
        <v>209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8325</v>
      </c>
      <c r="J66" s="32">
        <v>4980</v>
      </c>
      <c r="K66" s="32">
        <v>3345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  <cellWatches>
    <cellWatch r="J6"/>
  </cellWatche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63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05634</v>
      </c>
      <c r="D4" s="17">
        <v>53325</v>
      </c>
      <c r="E4" s="17">
        <v>52309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3600</v>
      </c>
      <c r="D5" s="17">
        <v>1812</v>
      </c>
      <c r="E5" s="17">
        <v>1788</v>
      </c>
      <c r="F5" s="17"/>
      <c r="G5" s="21" t="s">
        <v>6</v>
      </c>
      <c r="H5" s="20"/>
      <c r="I5" s="16">
        <v>9122</v>
      </c>
      <c r="J5" s="17">
        <v>4681</v>
      </c>
      <c r="K5" s="17">
        <v>4441</v>
      </c>
    </row>
    <row r="6" spans="1:11" ht="15" customHeight="1">
      <c r="A6" s="20" t="s">
        <v>7</v>
      </c>
      <c r="B6" s="20"/>
      <c r="C6" s="16">
        <v>701</v>
      </c>
      <c r="D6" s="22">
        <v>339</v>
      </c>
      <c r="E6" s="22">
        <v>362</v>
      </c>
      <c r="F6" s="22"/>
      <c r="G6" s="21" t="s">
        <v>8</v>
      </c>
      <c r="H6" s="20"/>
      <c r="I6" s="16">
        <v>1918</v>
      </c>
      <c r="J6" s="22">
        <v>964</v>
      </c>
      <c r="K6" s="22">
        <v>954</v>
      </c>
    </row>
    <row r="7" spans="1:11" ht="15" customHeight="1">
      <c r="A7" s="20" t="s">
        <v>9</v>
      </c>
      <c r="B7" s="20"/>
      <c r="C7" s="16">
        <v>748</v>
      </c>
      <c r="D7" s="22">
        <v>380</v>
      </c>
      <c r="E7" s="22">
        <v>368</v>
      </c>
      <c r="F7" s="22"/>
      <c r="G7" s="21" t="s">
        <v>10</v>
      </c>
      <c r="H7" s="20"/>
      <c r="I7" s="16">
        <v>1884</v>
      </c>
      <c r="J7" s="22">
        <v>949</v>
      </c>
      <c r="K7" s="22">
        <v>935</v>
      </c>
    </row>
    <row r="8" spans="1:11" ht="15" customHeight="1">
      <c r="A8" s="20" t="s">
        <v>11</v>
      </c>
      <c r="B8" s="20"/>
      <c r="C8" s="16">
        <v>675</v>
      </c>
      <c r="D8" s="22">
        <v>350</v>
      </c>
      <c r="E8" s="22">
        <v>325</v>
      </c>
      <c r="F8" s="22"/>
      <c r="G8" s="21" t="s">
        <v>12</v>
      </c>
      <c r="H8" s="20"/>
      <c r="I8" s="16">
        <v>1824</v>
      </c>
      <c r="J8" s="22">
        <v>947</v>
      </c>
      <c r="K8" s="22">
        <v>877</v>
      </c>
    </row>
    <row r="9" spans="1:11" ht="15" customHeight="1">
      <c r="A9" s="20" t="s">
        <v>13</v>
      </c>
      <c r="B9" s="20"/>
      <c r="C9" s="16">
        <v>718</v>
      </c>
      <c r="D9" s="22">
        <v>355</v>
      </c>
      <c r="E9" s="22">
        <v>363</v>
      </c>
      <c r="F9" s="22"/>
      <c r="G9" s="21" t="s">
        <v>14</v>
      </c>
      <c r="H9" s="20"/>
      <c r="I9" s="16">
        <v>1768</v>
      </c>
      <c r="J9" s="22">
        <v>895</v>
      </c>
      <c r="K9" s="22">
        <v>873</v>
      </c>
    </row>
    <row r="10" spans="1:11" ht="15" customHeight="1">
      <c r="A10" s="20" t="s">
        <v>15</v>
      </c>
      <c r="B10" s="20"/>
      <c r="C10" s="16">
        <v>758</v>
      </c>
      <c r="D10" s="22">
        <v>388</v>
      </c>
      <c r="E10" s="22">
        <v>370</v>
      </c>
      <c r="F10" s="22"/>
      <c r="G10" s="21" t="s">
        <v>16</v>
      </c>
      <c r="H10" s="20"/>
      <c r="I10" s="16">
        <v>1728</v>
      </c>
      <c r="J10" s="22">
        <v>926</v>
      </c>
      <c r="K10" s="22">
        <v>802</v>
      </c>
    </row>
    <row r="11" spans="1:11" ht="20.100000000000001" customHeight="1">
      <c r="A11" s="20" t="s">
        <v>17</v>
      </c>
      <c r="B11" s="20"/>
      <c r="C11" s="16">
        <v>3910</v>
      </c>
      <c r="D11" s="17">
        <v>1979</v>
      </c>
      <c r="E11" s="17">
        <v>1931</v>
      </c>
      <c r="F11" s="17"/>
      <c r="G11" s="21" t="s">
        <v>18</v>
      </c>
      <c r="H11" s="20"/>
      <c r="I11" s="16">
        <v>7207</v>
      </c>
      <c r="J11" s="17">
        <v>3794</v>
      </c>
      <c r="K11" s="17">
        <v>3413</v>
      </c>
    </row>
    <row r="12" spans="1:11" ht="15" customHeight="1">
      <c r="A12" s="20" t="s">
        <v>19</v>
      </c>
      <c r="B12" s="20"/>
      <c r="C12" s="16">
        <v>793</v>
      </c>
      <c r="D12" s="22">
        <v>398</v>
      </c>
      <c r="E12" s="22">
        <v>395</v>
      </c>
      <c r="F12" s="22"/>
      <c r="G12" s="21" t="s">
        <v>20</v>
      </c>
      <c r="H12" s="20"/>
      <c r="I12" s="16">
        <v>1736</v>
      </c>
      <c r="J12" s="22">
        <v>923</v>
      </c>
      <c r="K12" s="22">
        <v>813</v>
      </c>
    </row>
    <row r="13" spans="1:11" ht="15" customHeight="1">
      <c r="A13" s="20" t="s">
        <v>21</v>
      </c>
      <c r="B13" s="20"/>
      <c r="C13" s="16">
        <v>780</v>
      </c>
      <c r="D13" s="22">
        <v>372</v>
      </c>
      <c r="E13" s="22">
        <v>408</v>
      </c>
      <c r="F13" s="22"/>
      <c r="G13" s="21" t="s">
        <v>22</v>
      </c>
      <c r="H13" s="20"/>
      <c r="I13" s="16">
        <v>1321</v>
      </c>
      <c r="J13" s="22">
        <v>712</v>
      </c>
      <c r="K13" s="22">
        <v>609</v>
      </c>
    </row>
    <row r="14" spans="1:11" ht="15" customHeight="1">
      <c r="A14" s="20" t="s">
        <v>23</v>
      </c>
      <c r="B14" s="20"/>
      <c r="C14" s="16">
        <v>790</v>
      </c>
      <c r="D14" s="22">
        <v>419</v>
      </c>
      <c r="E14" s="22">
        <v>371</v>
      </c>
      <c r="F14" s="22"/>
      <c r="G14" s="21" t="s">
        <v>24</v>
      </c>
      <c r="H14" s="20"/>
      <c r="I14" s="16">
        <v>1473</v>
      </c>
      <c r="J14" s="22">
        <v>791</v>
      </c>
      <c r="K14" s="22">
        <v>682</v>
      </c>
    </row>
    <row r="15" spans="1:11" ht="15" customHeight="1">
      <c r="A15" s="20" t="s">
        <v>25</v>
      </c>
      <c r="B15" s="20"/>
      <c r="C15" s="16">
        <v>766</v>
      </c>
      <c r="D15" s="22">
        <v>387</v>
      </c>
      <c r="E15" s="22">
        <v>379</v>
      </c>
      <c r="F15" s="22"/>
      <c r="G15" s="21" t="s">
        <v>26</v>
      </c>
      <c r="H15" s="20"/>
      <c r="I15" s="16">
        <v>1416</v>
      </c>
      <c r="J15" s="22">
        <v>709</v>
      </c>
      <c r="K15" s="22">
        <v>707</v>
      </c>
    </row>
    <row r="16" spans="1:11" ht="15" customHeight="1">
      <c r="A16" s="20" t="s">
        <v>27</v>
      </c>
      <c r="B16" s="20"/>
      <c r="C16" s="16">
        <v>781</v>
      </c>
      <c r="D16" s="22">
        <v>403</v>
      </c>
      <c r="E16" s="22">
        <v>378</v>
      </c>
      <c r="F16" s="22"/>
      <c r="G16" s="21" t="s">
        <v>28</v>
      </c>
      <c r="H16" s="20"/>
      <c r="I16" s="16">
        <v>1261</v>
      </c>
      <c r="J16" s="22">
        <v>659</v>
      </c>
      <c r="K16" s="22">
        <v>602</v>
      </c>
    </row>
    <row r="17" spans="1:11" ht="20.100000000000001" customHeight="1">
      <c r="A17" s="24" t="s">
        <v>29</v>
      </c>
      <c r="B17" s="24"/>
      <c r="C17" s="16">
        <v>3661</v>
      </c>
      <c r="D17" s="17">
        <v>1858</v>
      </c>
      <c r="E17" s="17">
        <v>1803</v>
      </c>
      <c r="F17" s="17"/>
      <c r="G17" s="21" t="s">
        <v>30</v>
      </c>
      <c r="H17" s="20"/>
      <c r="I17" s="16">
        <v>5531</v>
      </c>
      <c r="J17" s="17">
        <v>2844</v>
      </c>
      <c r="K17" s="17">
        <v>2687</v>
      </c>
    </row>
    <row r="18" spans="1:11" ht="15" customHeight="1">
      <c r="A18" s="20" t="s">
        <v>31</v>
      </c>
      <c r="B18" s="20"/>
      <c r="C18" s="16">
        <v>752</v>
      </c>
      <c r="D18" s="22">
        <v>364</v>
      </c>
      <c r="E18" s="22">
        <v>388</v>
      </c>
      <c r="F18" s="22"/>
      <c r="G18" s="21" t="s">
        <v>32</v>
      </c>
      <c r="H18" s="20"/>
      <c r="I18" s="16">
        <v>1248</v>
      </c>
      <c r="J18" s="22">
        <v>643</v>
      </c>
      <c r="K18" s="22">
        <v>605</v>
      </c>
    </row>
    <row r="19" spans="1:11" ht="15" customHeight="1">
      <c r="A19" s="20" t="s">
        <v>33</v>
      </c>
      <c r="B19" s="20"/>
      <c r="C19" s="16">
        <v>735</v>
      </c>
      <c r="D19" s="22">
        <v>355</v>
      </c>
      <c r="E19" s="22">
        <v>380</v>
      </c>
      <c r="F19" s="22"/>
      <c r="G19" s="21" t="s">
        <v>34</v>
      </c>
      <c r="H19" s="20"/>
      <c r="I19" s="16">
        <v>1117</v>
      </c>
      <c r="J19" s="22">
        <v>595</v>
      </c>
      <c r="K19" s="22">
        <v>522</v>
      </c>
    </row>
    <row r="20" spans="1:11" ht="15" customHeight="1">
      <c r="A20" s="20" t="s">
        <v>35</v>
      </c>
      <c r="B20" s="20"/>
      <c r="C20" s="16">
        <v>753</v>
      </c>
      <c r="D20" s="22">
        <v>383</v>
      </c>
      <c r="E20" s="22">
        <v>370</v>
      </c>
      <c r="F20" s="22"/>
      <c r="G20" s="21" t="s">
        <v>36</v>
      </c>
      <c r="H20" s="20"/>
      <c r="I20" s="16">
        <v>1034</v>
      </c>
      <c r="J20" s="22">
        <v>516</v>
      </c>
      <c r="K20" s="22">
        <v>518</v>
      </c>
    </row>
    <row r="21" spans="1:11" ht="15" customHeight="1">
      <c r="A21" s="20" t="s">
        <v>37</v>
      </c>
      <c r="B21" s="20"/>
      <c r="C21" s="16">
        <v>724</v>
      </c>
      <c r="D21" s="22">
        <v>381</v>
      </c>
      <c r="E21" s="22">
        <v>343</v>
      </c>
      <c r="F21" s="22"/>
      <c r="G21" s="21" t="s">
        <v>38</v>
      </c>
      <c r="H21" s="20"/>
      <c r="I21" s="16">
        <v>1096</v>
      </c>
      <c r="J21" s="22">
        <v>575</v>
      </c>
      <c r="K21" s="22">
        <v>521</v>
      </c>
    </row>
    <row r="22" spans="1:11" ht="15" customHeight="1">
      <c r="A22" s="20" t="s">
        <v>39</v>
      </c>
      <c r="B22" s="20"/>
      <c r="C22" s="16">
        <v>697</v>
      </c>
      <c r="D22" s="22">
        <v>375</v>
      </c>
      <c r="E22" s="22">
        <v>322</v>
      </c>
      <c r="F22" s="22"/>
      <c r="G22" s="21" t="s">
        <v>40</v>
      </c>
      <c r="H22" s="20"/>
      <c r="I22" s="16">
        <v>1036</v>
      </c>
      <c r="J22" s="22">
        <v>515</v>
      </c>
      <c r="K22" s="22">
        <v>521</v>
      </c>
    </row>
    <row r="23" spans="1:11" ht="20.100000000000001" customHeight="1">
      <c r="A23" s="20" t="s">
        <v>41</v>
      </c>
      <c r="B23" s="20"/>
      <c r="C23" s="16">
        <v>3484</v>
      </c>
      <c r="D23" s="17">
        <v>1769</v>
      </c>
      <c r="E23" s="17">
        <v>1715</v>
      </c>
      <c r="F23" s="17"/>
      <c r="G23" s="21" t="s">
        <v>42</v>
      </c>
      <c r="H23" s="20"/>
      <c r="I23" s="16">
        <v>4450</v>
      </c>
      <c r="J23" s="17">
        <v>2216</v>
      </c>
      <c r="K23" s="17">
        <v>2234</v>
      </c>
    </row>
    <row r="24" spans="1:11" ht="15" customHeight="1">
      <c r="A24" s="20" t="s">
        <v>43</v>
      </c>
      <c r="B24" s="20"/>
      <c r="C24" s="16">
        <v>694</v>
      </c>
      <c r="D24" s="22">
        <v>346</v>
      </c>
      <c r="E24" s="22">
        <v>348</v>
      </c>
      <c r="F24" s="22"/>
      <c r="G24" s="21" t="s">
        <v>44</v>
      </c>
      <c r="H24" s="20"/>
      <c r="I24" s="16">
        <v>918</v>
      </c>
      <c r="J24" s="22">
        <v>442</v>
      </c>
      <c r="K24" s="22">
        <v>476</v>
      </c>
    </row>
    <row r="25" spans="1:11" ht="15" customHeight="1">
      <c r="A25" s="20" t="s">
        <v>45</v>
      </c>
      <c r="B25" s="20"/>
      <c r="C25" s="16">
        <v>644</v>
      </c>
      <c r="D25" s="22">
        <v>319</v>
      </c>
      <c r="E25" s="22">
        <v>325</v>
      </c>
      <c r="F25" s="22"/>
      <c r="G25" s="21" t="s">
        <v>46</v>
      </c>
      <c r="H25" s="20"/>
      <c r="I25" s="16">
        <v>891</v>
      </c>
      <c r="J25" s="22">
        <v>472</v>
      </c>
      <c r="K25" s="22">
        <v>419</v>
      </c>
    </row>
    <row r="26" spans="1:11" ht="15" customHeight="1">
      <c r="A26" s="20" t="s">
        <v>47</v>
      </c>
      <c r="B26" s="20"/>
      <c r="C26" s="16">
        <v>676</v>
      </c>
      <c r="D26" s="22">
        <v>352</v>
      </c>
      <c r="E26" s="22">
        <v>324</v>
      </c>
      <c r="F26" s="22"/>
      <c r="G26" s="21" t="s">
        <v>48</v>
      </c>
      <c r="H26" s="20"/>
      <c r="I26" s="16">
        <v>936</v>
      </c>
      <c r="J26" s="22">
        <v>462</v>
      </c>
      <c r="K26" s="22">
        <v>474</v>
      </c>
    </row>
    <row r="27" spans="1:11" ht="15" customHeight="1">
      <c r="A27" s="20" t="s">
        <v>49</v>
      </c>
      <c r="B27" s="20"/>
      <c r="C27" s="16">
        <v>694</v>
      </c>
      <c r="D27" s="22">
        <v>346</v>
      </c>
      <c r="E27" s="22">
        <v>348</v>
      </c>
      <c r="F27" s="22"/>
      <c r="G27" s="21" t="s">
        <v>50</v>
      </c>
      <c r="H27" s="20"/>
      <c r="I27" s="16">
        <v>868</v>
      </c>
      <c r="J27" s="22">
        <v>433</v>
      </c>
      <c r="K27" s="22">
        <v>435</v>
      </c>
    </row>
    <row r="28" spans="1:11" ht="15" customHeight="1">
      <c r="A28" s="20" t="s">
        <v>51</v>
      </c>
      <c r="B28" s="20"/>
      <c r="C28" s="16">
        <v>776</v>
      </c>
      <c r="D28" s="22">
        <v>406</v>
      </c>
      <c r="E28" s="22">
        <v>370</v>
      </c>
      <c r="F28" s="22"/>
      <c r="G28" s="21" t="s">
        <v>52</v>
      </c>
      <c r="H28" s="20"/>
      <c r="I28" s="16">
        <v>837</v>
      </c>
      <c r="J28" s="22">
        <v>407</v>
      </c>
      <c r="K28" s="22">
        <v>430</v>
      </c>
    </row>
    <row r="29" spans="1:11" ht="20.100000000000001" customHeight="1">
      <c r="A29" s="20" t="s">
        <v>53</v>
      </c>
      <c r="B29" s="20"/>
      <c r="C29" s="16">
        <v>5623</v>
      </c>
      <c r="D29" s="17">
        <v>2831</v>
      </c>
      <c r="E29" s="17">
        <v>2792</v>
      </c>
      <c r="F29" s="17"/>
      <c r="G29" s="21" t="s">
        <v>54</v>
      </c>
      <c r="H29" s="20"/>
      <c r="I29" s="16">
        <v>5081</v>
      </c>
      <c r="J29" s="17">
        <v>2491</v>
      </c>
      <c r="K29" s="17">
        <v>2590</v>
      </c>
    </row>
    <row r="30" spans="1:11" ht="15" customHeight="1">
      <c r="A30" s="20" t="s">
        <v>55</v>
      </c>
      <c r="B30" s="20"/>
      <c r="C30" s="16">
        <v>810</v>
      </c>
      <c r="D30" s="22">
        <v>408</v>
      </c>
      <c r="E30" s="22">
        <v>402</v>
      </c>
      <c r="F30" s="22"/>
      <c r="G30" s="21" t="s">
        <v>56</v>
      </c>
      <c r="H30" s="20"/>
      <c r="I30" s="16">
        <v>952</v>
      </c>
      <c r="J30" s="22">
        <v>484</v>
      </c>
      <c r="K30" s="22">
        <v>468</v>
      </c>
    </row>
    <row r="31" spans="1:11" ht="15" customHeight="1">
      <c r="A31" s="20" t="s">
        <v>57</v>
      </c>
      <c r="B31" s="20"/>
      <c r="C31" s="16">
        <v>1000</v>
      </c>
      <c r="D31" s="22">
        <v>509</v>
      </c>
      <c r="E31" s="22">
        <v>491</v>
      </c>
      <c r="F31" s="22"/>
      <c r="G31" s="21" t="s">
        <v>58</v>
      </c>
      <c r="H31" s="20"/>
      <c r="I31" s="16">
        <v>922</v>
      </c>
      <c r="J31" s="22">
        <v>440</v>
      </c>
      <c r="K31" s="22">
        <v>482</v>
      </c>
    </row>
    <row r="32" spans="1:11" ht="15" customHeight="1">
      <c r="A32" s="20" t="s">
        <v>59</v>
      </c>
      <c r="B32" s="20"/>
      <c r="C32" s="16">
        <v>1117</v>
      </c>
      <c r="D32" s="22">
        <v>543</v>
      </c>
      <c r="E32" s="22">
        <v>574</v>
      </c>
      <c r="F32" s="22"/>
      <c r="G32" s="21" t="s">
        <v>60</v>
      </c>
      <c r="H32" s="20"/>
      <c r="I32" s="16">
        <v>978</v>
      </c>
      <c r="J32" s="22">
        <v>501</v>
      </c>
      <c r="K32" s="22">
        <v>477</v>
      </c>
    </row>
    <row r="33" spans="1:11" ht="15" customHeight="1">
      <c r="A33" s="20" t="s">
        <v>61</v>
      </c>
      <c r="B33" s="20"/>
      <c r="C33" s="16">
        <v>1272</v>
      </c>
      <c r="D33" s="22">
        <v>647</v>
      </c>
      <c r="E33" s="22">
        <v>625</v>
      </c>
      <c r="F33" s="22"/>
      <c r="G33" s="21" t="s">
        <v>62</v>
      </c>
      <c r="H33" s="20"/>
      <c r="I33" s="16">
        <v>1093</v>
      </c>
      <c r="J33" s="22">
        <v>541</v>
      </c>
      <c r="K33" s="22">
        <v>552</v>
      </c>
    </row>
    <row r="34" spans="1:11" ht="15" customHeight="1">
      <c r="A34" s="20" t="s">
        <v>63</v>
      </c>
      <c r="B34" s="20"/>
      <c r="C34" s="16">
        <v>1424</v>
      </c>
      <c r="D34" s="22">
        <v>724</v>
      </c>
      <c r="E34" s="22">
        <v>700</v>
      </c>
      <c r="F34" s="22"/>
      <c r="G34" s="21" t="s">
        <v>64</v>
      </c>
      <c r="H34" s="20"/>
      <c r="I34" s="16">
        <v>1136</v>
      </c>
      <c r="J34" s="22">
        <v>525</v>
      </c>
      <c r="K34" s="22">
        <v>611</v>
      </c>
    </row>
    <row r="35" spans="1:11" ht="20.100000000000001" customHeight="1">
      <c r="A35" s="20" t="s">
        <v>65</v>
      </c>
      <c r="B35" s="20"/>
      <c r="C35" s="16">
        <v>8007</v>
      </c>
      <c r="D35" s="17">
        <v>4215</v>
      </c>
      <c r="E35" s="17">
        <v>3792</v>
      </c>
      <c r="F35" s="17"/>
      <c r="G35" s="21" t="s">
        <v>66</v>
      </c>
      <c r="H35" s="20"/>
      <c r="I35" s="16">
        <v>3944</v>
      </c>
      <c r="J35" s="17">
        <v>1740</v>
      </c>
      <c r="K35" s="17">
        <v>2204</v>
      </c>
    </row>
    <row r="36" spans="1:11" ht="15" customHeight="1">
      <c r="A36" s="20" t="s">
        <v>67</v>
      </c>
      <c r="B36" s="20"/>
      <c r="C36" s="16">
        <v>1582</v>
      </c>
      <c r="D36" s="22">
        <v>832</v>
      </c>
      <c r="E36" s="22">
        <v>750</v>
      </c>
      <c r="F36" s="22"/>
      <c r="G36" s="21" t="s">
        <v>68</v>
      </c>
      <c r="H36" s="20"/>
      <c r="I36" s="16">
        <v>1130</v>
      </c>
      <c r="J36" s="22">
        <v>504</v>
      </c>
      <c r="K36" s="22">
        <v>626</v>
      </c>
    </row>
    <row r="37" spans="1:11" ht="15" customHeight="1">
      <c r="A37" s="20" t="s">
        <v>69</v>
      </c>
      <c r="B37" s="20"/>
      <c r="C37" s="16">
        <v>1594</v>
      </c>
      <c r="D37" s="22">
        <v>836</v>
      </c>
      <c r="E37" s="22">
        <v>758</v>
      </c>
      <c r="F37" s="22"/>
      <c r="G37" s="21" t="s">
        <v>70</v>
      </c>
      <c r="H37" s="20"/>
      <c r="I37" s="16">
        <v>688</v>
      </c>
      <c r="J37" s="22">
        <v>317</v>
      </c>
      <c r="K37" s="22">
        <v>371</v>
      </c>
    </row>
    <row r="38" spans="1:11" ht="15" customHeight="1">
      <c r="A38" s="20" t="s">
        <v>71</v>
      </c>
      <c r="B38" s="20"/>
      <c r="C38" s="16">
        <v>1657</v>
      </c>
      <c r="D38" s="22">
        <v>871</v>
      </c>
      <c r="E38" s="22">
        <v>786</v>
      </c>
      <c r="F38" s="22"/>
      <c r="G38" s="21" t="s">
        <v>72</v>
      </c>
      <c r="H38" s="20"/>
      <c r="I38" s="16">
        <v>608</v>
      </c>
      <c r="J38" s="22">
        <v>267</v>
      </c>
      <c r="K38" s="22">
        <v>341</v>
      </c>
    </row>
    <row r="39" spans="1:11" ht="15" customHeight="1">
      <c r="A39" s="20" t="s">
        <v>73</v>
      </c>
      <c r="B39" s="20"/>
      <c r="C39" s="16">
        <v>1591</v>
      </c>
      <c r="D39" s="22">
        <v>857</v>
      </c>
      <c r="E39" s="22">
        <v>734</v>
      </c>
      <c r="F39" s="22"/>
      <c r="G39" s="21" t="s">
        <v>74</v>
      </c>
      <c r="H39" s="20"/>
      <c r="I39" s="16">
        <v>793</v>
      </c>
      <c r="J39" s="22">
        <v>322</v>
      </c>
      <c r="K39" s="22">
        <v>471</v>
      </c>
    </row>
    <row r="40" spans="1:11" ht="15" customHeight="1">
      <c r="A40" s="20" t="s">
        <v>75</v>
      </c>
      <c r="B40" s="20"/>
      <c r="C40" s="16">
        <v>1583</v>
      </c>
      <c r="D40" s="22">
        <v>819</v>
      </c>
      <c r="E40" s="22">
        <v>764</v>
      </c>
      <c r="F40" s="22"/>
      <c r="G40" s="21" t="s">
        <v>76</v>
      </c>
      <c r="H40" s="20"/>
      <c r="I40" s="16">
        <v>725</v>
      </c>
      <c r="J40" s="22">
        <v>330</v>
      </c>
      <c r="K40" s="22">
        <v>395</v>
      </c>
    </row>
    <row r="41" spans="1:11" ht="20.100000000000001" customHeight="1">
      <c r="A41" s="20" t="s">
        <v>77</v>
      </c>
      <c r="B41" s="20"/>
      <c r="C41" s="16">
        <v>7677</v>
      </c>
      <c r="D41" s="17">
        <v>3918</v>
      </c>
      <c r="E41" s="17">
        <v>3759</v>
      </c>
      <c r="F41" s="17"/>
      <c r="G41" s="21" t="s">
        <v>78</v>
      </c>
      <c r="H41" s="20"/>
      <c r="I41" s="16">
        <v>2967</v>
      </c>
      <c r="J41" s="17">
        <v>1183</v>
      </c>
      <c r="K41" s="17">
        <v>1784</v>
      </c>
    </row>
    <row r="42" spans="1:11" ht="15" customHeight="1">
      <c r="A42" s="20" t="s">
        <v>79</v>
      </c>
      <c r="B42" s="20"/>
      <c r="C42" s="16">
        <v>1581</v>
      </c>
      <c r="D42" s="22">
        <v>820</v>
      </c>
      <c r="E42" s="22">
        <v>761</v>
      </c>
      <c r="F42" s="22"/>
      <c r="G42" s="21" t="s">
        <v>80</v>
      </c>
      <c r="H42" s="20"/>
      <c r="I42" s="16">
        <v>674</v>
      </c>
      <c r="J42" s="22">
        <v>285</v>
      </c>
      <c r="K42" s="22">
        <v>389</v>
      </c>
    </row>
    <row r="43" spans="1:11" ht="15" customHeight="1">
      <c r="A43" s="20" t="s">
        <v>81</v>
      </c>
      <c r="B43" s="20"/>
      <c r="C43" s="16">
        <v>1508</v>
      </c>
      <c r="D43" s="22">
        <v>786</v>
      </c>
      <c r="E43" s="22">
        <v>722</v>
      </c>
      <c r="F43" s="22"/>
      <c r="G43" s="21" t="s">
        <v>82</v>
      </c>
      <c r="H43" s="20"/>
      <c r="I43" s="16">
        <v>668</v>
      </c>
      <c r="J43" s="22">
        <v>269</v>
      </c>
      <c r="K43" s="22">
        <v>399</v>
      </c>
    </row>
    <row r="44" spans="1:11" ht="15" customHeight="1">
      <c r="A44" s="20" t="s">
        <v>83</v>
      </c>
      <c r="B44" s="20"/>
      <c r="C44" s="16">
        <v>1556</v>
      </c>
      <c r="D44" s="22">
        <v>796</v>
      </c>
      <c r="E44" s="22">
        <v>760</v>
      </c>
      <c r="F44" s="22"/>
      <c r="G44" s="21" t="s">
        <v>84</v>
      </c>
      <c r="H44" s="20"/>
      <c r="I44" s="16">
        <v>645</v>
      </c>
      <c r="J44" s="22">
        <v>245</v>
      </c>
      <c r="K44" s="22">
        <v>400</v>
      </c>
    </row>
    <row r="45" spans="1:11" ht="15" customHeight="1">
      <c r="A45" s="20" t="s">
        <v>85</v>
      </c>
      <c r="B45" s="20"/>
      <c r="C45" s="16">
        <v>1467</v>
      </c>
      <c r="D45" s="22">
        <v>726</v>
      </c>
      <c r="E45" s="22">
        <v>741</v>
      </c>
      <c r="F45" s="22"/>
      <c r="G45" s="21" t="s">
        <v>86</v>
      </c>
      <c r="H45" s="20"/>
      <c r="I45" s="16">
        <v>503</v>
      </c>
      <c r="J45" s="22">
        <v>204</v>
      </c>
      <c r="K45" s="22">
        <v>299</v>
      </c>
    </row>
    <row r="46" spans="1:11" ht="15" customHeight="1">
      <c r="A46" s="20" t="s">
        <v>87</v>
      </c>
      <c r="B46" s="20"/>
      <c r="C46" s="16">
        <v>1565</v>
      </c>
      <c r="D46" s="22">
        <v>790</v>
      </c>
      <c r="E46" s="22">
        <v>775</v>
      </c>
      <c r="F46" s="22"/>
      <c r="G46" s="21" t="s">
        <v>88</v>
      </c>
      <c r="H46" s="20"/>
      <c r="I46" s="16">
        <v>477</v>
      </c>
      <c r="J46" s="22">
        <v>180</v>
      </c>
      <c r="K46" s="22">
        <v>297</v>
      </c>
    </row>
    <row r="47" spans="1:11" ht="20.100000000000001" customHeight="1">
      <c r="A47" s="20" t="s">
        <v>89</v>
      </c>
      <c r="B47" s="20"/>
      <c r="C47" s="16">
        <v>7904</v>
      </c>
      <c r="D47" s="17">
        <v>4191</v>
      </c>
      <c r="E47" s="17">
        <v>3713</v>
      </c>
      <c r="F47" s="17"/>
      <c r="G47" s="21" t="s">
        <v>90</v>
      </c>
      <c r="H47" s="20"/>
      <c r="I47" s="16">
        <v>2180</v>
      </c>
      <c r="J47" s="17">
        <v>756</v>
      </c>
      <c r="K47" s="17">
        <v>1424</v>
      </c>
    </row>
    <row r="48" spans="1:11" ht="15" customHeight="1">
      <c r="A48" s="20" t="s">
        <v>91</v>
      </c>
      <c r="B48" s="20"/>
      <c r="C48" s="16">
        <v>1516</v>
      </c>
      <c r="D48" s="22">
        <v>810</v>
      </c>
      <c r="E48" s="22">
        <v>706</v>
      </c>
      <c r="F48" s="22"/>
      <c r="G48" s="21" t="s">
        <v>92</v>
      </c>
      <c r="H48" s="20"/>
      <c r="I48" s="16">
        <v>500</v>
      </c>
      <c r="J48" s="22">
        <v>186</v>
      </c>
      <c r="K48" s="22">
        <v>314</v>
      </c>
    </row>
    <row r="49" spans="1:11" ht="15" customHeight="1">
      <c r="A49" s="20" t="s">
        <v>93</v>
      </c>
      <c r="B49" s="20"/>
      <c r="C49" s="16">
        <v>1542</v>
      </c>
      <c r="D49" s="22">
        <v>803</v>
      </c>
      <c r="E49" s="22">
        <v>739</v>
      </c>
      <c r="F49" s="22"/>
      <c r="G49" s="21" t="s">
        <v>94</v>
      </c>
      <c r="H49" s="20"/>
      <c r="I49" s="16">
        <v>458</v>
      </c>
      <c r="J49" s="22">
        <v>167</v>
      </c>
      <c r="K49" s="22">
        <v>291</v>
      </c>
    </row>
    <row r="50" spans="1:11" ht="15" customHeight="1">
      <c r="A50" s="20" t="s">
        <v>95</v>
      </c>
      <c r="B50" s="20"/>
      <c r="C50" s="16">
        <v>1618</v>
      </c>
      <c r="D50" s="22">
        <v>840</v>
      </c>
      <c r="E50" s="22">
        <v>778</v>
      </c>
      <c r="F50" s="22"/>
      <c r="G50" s="21" t="s">
        <v>96</v>
      </c>
      <c r="H50" s="20"/>
      <c r="I50" s="16">
        <v>475</v>
      </c>
      <c r="J50" s="22">
        <v>163</v>
      </c>
      <c r="K50" s="22">
        <v>312</v>
      </c>
    </row>
    <row r="51" spans="1:11" ht="15" customHeight="1">
      <c r="A51" s="20" t="s">
        <v>97</v>
      </c>
      <c r="B51" s="20"/>
      <c r="C51" s="16">
        <v>1618</v>
      </c>
      <c r="D51" s="22">
        <v>900</v>
      </c>
      <c r="E51" s="22">
        <v>718</v>
      </c>
      <c r="F51" s="22"/>
      <c r="G51" s="21" t="s">
        <v>98</v>
      </c>
      <c r="H51" s="20"/>
      <c r="I51" s="16">
        <v>398</v>
      </c>
      <c r="J51" s="22">
        <v>135</v>
      </c>
      <c r="K51" s="22">
        <v>263</v>
      </c>
    </row>
    <row r="52" spans="1:11" ht="15" customHeight="1">
      <c r="A52" s="20" t="s">
        <v>99</v>
      </c>
      <c r="B52" s="20"/>
      <c r="C52" s="16">
        <v>1610</v>
      </c>
      <c r="D52" s="22">
        <v>838</v>
      </c>
      <c r="E52" s="22">
        <v>772</v>
      </c>
      <c r="F52" s="22"/>
      <c r="G52" s="21" t="s">
        <v>100</v>
      </c>
      <c r="H52" s="20"/>
      <c r="I52" s="16">
        <v>349</v>
      </c>
      <c r="J52" s="22">
        <v>105</v>
      </c>
      <c r="K52" s="22">
        <v>244</v>
      </c>
    </row>
    <row r="53" spans="1:11" ht="20.100000000000001" customHeight="1">
      <c r="A53" s="20" t="s">
        <v>101</v>
      </c>
      <c r="B53" s="20"/>
      <c r="C53" s="16">
        <v>8131</v>
      </c>
      <c r="D53" s="17">
        <v>4171</v>
      </c>
      <c r="E53" s="17">
        <v>3960</v>
      </c>
      <c r="F53" s="17"/>
      <c r="G53" s="21" t="s">
        <v>102</v>
      </c>
      <c r="H53" s="20"/>
      <c r="I53" s="16">
        <v>1040</v>
      </c>
      <c r="J53" s="17">
        <v>325</v>
      </c>
      <c r="K53" s="17">
        <v>715</v>
      </c>
    </row>
    <row r="54" spans="1:11" ht="15" customHeight="1">
      <c r="A54" s="20" t="s">
        <v>103</v>
      </c>
      <c r="B54" s="20"/>
      <c r="C54" s="16">
        <v>1626</v>
      </c>
      <c r="D54" s="22">
        <v>796</v>
      </c>
      <c r="E54" s="22">
        <v>830</v>
      </c>
      <c r="F54" s="22"/>
      <c r="G54" s="21" t="s">
        <v>104</v>
      </c>
      <c r="H54" s="20"/>
      <c r="I54" s="16">
        <v>305</v>
      </c>
      <c r="J54" s="22">
        <v>98</v>
      </c>
      <c r="K54" s="22">
        <v>207</v>
      </c>
    </row>
    <row r="55" spans="1:11" ht="15" customHeight="1">
      <c r="A55" s="20" t="s">
        <v>105</v>
      </c>
      <c r="B55" s="20"/>
      <c r="C55" s="16">
        <v>1608</v>
      </c>
      <c r="D55" s="22">
        <v>834</v>
      </c>
      <c r="E55" s="22">
        <v>774</v>
      </c>
      <c r="F55" s="22"/>
      <c r="G55" s="21" t="s">
        <v>106</v>
      </c>
      <c r="H55" s="20"/>
      <c r="I55" s="16">
        <v>249</v>
      </c>
      <c r="J55" s="22">
        <v>77</v>
      </c>
      <c r="K55" s="22">
        <v>172</v>
      </c>
    </row>
    <row r="56" spans="1:11" ht="15" customHeight="1">
      <c r="A56" s="20" t="s">
        <v>107</v>
      </c>
      <c r="B56" s="20"/>
      <c r="C56" s="16">
        <v>1612</v>
      </c>
      <c r="D56" s="22">
        <v>832</v>
      </c>
      <c r="E56" s="22">
        <v>780</v>
      </c>
      <c r="F56" s="22"/>
      <c r="G56" s="21" t="s">
        <v>108</v>
      </c>
      <c r="H56" s="20"/>
      <c r="I56" s="16">
        <v>215</v>
      </c>
      <c r="J56" s="22">
        <v>62</v>
      </c>
      <c r="K56" s="22">
        <v>153</v>
      </c>
    </row>
    <row r="57" spans="1:11" ht="15" customHeight="1">
      <c r="A57" s="20" t="s">
        <v>109</v>
      </c>
      <c r="B57" s="20"/>
      <c r="C57" s="16">
        <v>1598</v>
      </c>
      <c r="D57" s="22">
        <v>836</v>
      </c>
      <c r="E57" s="22">
        <v>762</v>
      </c>
      <c r="F57" s="22"/>
      <c r="G57" s="21" t="s">
        <v>110</v>
      </c>
      <c r="H57" s="20"/>
      <c r="I57" s="16">
        <v>154</v>
      </c>
      <c r="J57" s="22">
        <v>56</v>
      </c>
      <c r="K57" s="22">
        <v>98</v>
      </c>
    </row>
    <row r="58" spans="1:11" ht="15" customHeight="1">
      <c r="A58" s="20" t="s">
        <v>111</v>
      </c>
      <c r="B58" s="20"/>
      <c r="C58" s="16">
        <v>1687</v>
      </c>
      <c r="D58" s="22">
        <v>873</v>
      </c>
      <c r="E58" s="22">
        <v>814</v>
      </c>
      <c r="F58" s="22"/>
      <c r="G58" s="21" t="s">
        <v>112</v>
      </c>
      <c r="H58" s="20"/>
      <c r="I58" s="16">
        <v>117</v>
      </c>
      <c r="J58" s="22">
        <v>32</v>
      </c>
      <c r="K58" s="22">
        <v>85</v>
      </c>
    </row>
    <row r="59" spans="1:11" ht="20.100000000000001" customHeight="1">
      <c r="A59" s="20" t="s">
        <v>113</v>
      </c>
      <c r="B59" s="20"/>
      <c r="C59" s="16">
        <v>9113</v>
      </c>
      <c r="D59" s="17">
        <v>4640</v>
      </c>
      <c r="E59" s="17">
        <v>4473</v>
      </c>
      <c r="F59" s="17"/>
      <c r="G59" s="21" t="s">
        <v>114</v>
      </c>
      <c r="H59" s="20"/>
      <c r="I59" s="16">
        <v>251</v>
      </c>
      <c r="J59" s="17">
        <v>51</v>
      </c>
      <c r="K59" s="17">
        <v>200</v>
      </c>
    </row>
    <row r="60" spans="1:11" ht="15" customHeight="1">
      <c r="A60" s="20" t="s">
        <v>115</v>
      </c>
      <c r="B60" s="20"/>
      <c r="C60" s="16">
        <v>1683</v>
      </c>
      <c r="D60" s="22">
        <v>843</v>
      </c>
      <c r="E60" s="22">
        <v>840</v>
      </c>
      <c r="F60" s="22"/>
      <c r="G60" s="21" t="s">
        <v>116</v>
      </c>
      <c r="H60" s="20"/>
      <c r="I60" s="16">
        <v>91</v>
      </c>
      <c r="J60" s="22">
        <v>22</v>
      </c>
      <c r="K60" s="22">
        <v>69</v>
      </c>
    </row>
    <row r="61" spans="1:11" ht="15" customHeight="1">
      <c r="A61" s="20" t="s">
        <v>117</v>
      </c>
      <c r="B61" s="20"/>
      <c r="C61" s="16">
        <v>1777</v>
      </c>
      <c r="D61" s="22">
        <v>938</v>
      </c>
      <c r="E61" s="22">
        <v>839</v>
      </c>
      <c r="F61" s="22"/>
      <c r="G61" s="21" t="s">
        <v>118</v>
      </c>
      <c r="H61" s="20"/>
      <c r="I61" s="16">
        <v>54</v>
      </c>
      <c r="J61" s="22">
        <v>9</v>
      </c>
      <c r="K61" s="22">
        <v>45</v>
      </c>
    </row>
    <row r="62" spans="1:11" ht="15" customHeight="1">
      <c r="A62" s="20" t="s">
        <v>119</v>
      </c>
      <c r="B62" s="20"/>
      <c r="C62" s="16">
        <v>1843</v>
      </c>
      <c r="D62" s="22">
        <v>945</v>
      </c>
      <c r="E62" s="22">
        <v>898</v>
      </c>
      <c r="F62" s="22"/>
      <c r="G62" s="21" t="s">
        <v>120</v>
      </c>
      <c r="H62" s="20"/>
      <c r="I62" s="16">
        <v>65</v>
      </c>
      <c r="J62" s="22">
        <v>13</v>
      </c>
      <c r="K62" s="22">
        <v>52</v>
      </c>
    </row>
    <row r="63" spans="1:11" ht="15" customHeight="1">
      <c r="A63" s="20" t="s">
        <v>121</v>
      </c>
      <c r="B63" s="20"/>
      <c r="C63" s="16">
        <v>1949</v>
      </c>
      <c r="D63" s="22">
        <v>979</v>
      </c>
      <c r="E63" s="22">
        <v>970</v>
      </c>
      <c r="F63" s="22"/>
      <c r="G63" s="21" t="s">
        <v>122</v>
      </c>
      <c r="H63" s="20"/>
      <c r="I63" s="16">
        <v>30</v>
      </c>
      <c r="J63" s="22">
        <v>3</v>
      </c>
      <c r="K63" s="22">
        <v>27</v>
      </c>
    </row>
    <row r="64" spans="1:11" ht="15" customHeight="1">
      <c r="A64" s="20" t="s">
        <v>123</v>
      </c>
      <c r="B64" s="20"/>
      <c r="C64" s="16">
        <v>1861</v>
      </c>
      <c r="D64" s="22">
        <v>935</v>
      </c>
      <c r="E64" s="22">
        <v>926</v>
      </c>
      <c r="F64" s="22"/>
      <c r="G64" s="21" t="s">
        <v>124</v>
      </c>
      <c r="H64" s="20"/>
      <c r="I64" s="16">
        <v>11</v>
      </c>
      <c r="J64" s="22">
        <v>4</v>
      </c>
      <c r="K64" s="22">
        <v>7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7</v>
      </c>
      <c r="J65" s="22">
        <v>0</v>
      </c>
      <c r="K65" s="22">
        <v>17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2734</v>
      </c>
      <c r="J66" s="32">
        <v>1860</v>
      </c>
      <c r="K66" s="32">
        <v>874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3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43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44359</v>
      </c>
      <c r="D4" s="17">
        <v>118280</v>
      </c>
      <c r="E4" s="17">
        <v>126079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8667</v>
      </c>
      <c r="D5" s="17">
        <v>4433</v>
      </c>
      <c r="E5" s="17">
        <v>4234</v>
      </c>
      <c r="F5" s="17"/>
      <c r="G5" s="21" t="s">
        <v>6</v>
      </c>
      <c r="H5" s="20"/>
      <c r="I5" s="16">
        <v>20896</v>
      </c>
      <c r="J5" s="17">
        <v>10505</v>
      </c>
      <c r="K5" s="17">
        <v>10391</v>
      </c>
    </row>
    <row r="6" spans="1:11" ht="15" customHeight="1">
      <c r="A6" s="20" t="s">
        <v>7</v>
      </c>
      <c r="B6" s="20"/>
      <c r="C6" s="16">
        <v>1577</v>
      </c>
      <c r="D6" s="22">
        <v>800</v>
      </c>
      <c r="E6" s="22">
        <v>777</v>
      </c>
      <c r="F6" s="22"/>
      <c r="G6" s="21" t="s">
        <v>8</v>
      </c>
      <c r="H6" s="20"/>
      <c r="I6" s="16">
        <v>4333</v>
      </c>
      <c r="J6" s="22">
        <v>2108</v>
      </c>
      <c r="K6" s="22">
        <v>2225</v>
      </c>
    </row>
    <row r="7" spans="1:11" ht="15" customHeight="1">
      <c r="A7" s="20" t="s">
        <v>9</v>
      </c>
      <c r="B7" s="20"/>
      <c r="C7" s="16">
        <v>1636</v>
      </c>
      <c r="D7" s="22">
        <v>829</v>
      </c>
      <c r="E7" s="22">
        <v>807</v>
      </c>
      <c r="F7" s="22"/>
      <c r="G7" s="21" t="s">
        <v>10</v>
      </c>
      <c r="H7" s="20"/>
      <c r="I7" s="16">
        <v>4245</v>
      </c>
      <c r="J7" s="22">
        <v>2158</v>
      </c>
      <c r="K7" s="22">
        <v>2087</v>
      </c>
    </row>
    <row r="8" spans="1:11" ht="15" customHeight="1">
      <c r="A8" s="20" t="s">
        <v>11</v>
      </c>
      <c r="B8" s="20"/>
      <c r="C8" s="16">
        <v>1692</v>
      </c>
      <c r="D8" s="22">
        <v>849</v>
      </c>
      <c r="E8" s="22">
        <v>843</v>
      </c>
      <c r="F8" s="22"/>
      <c r="G8" s="21" t="s">
        <v>12</v>
      </c>
      <c r="H8" s="20"/>
      <c r="I8" s="16">
        <v>4136</v>
      </c>
      <c r="J8" s="22">
        <v>2095</v>
      </c>
      <c r="K8" s="22">
        <v>2041</v>
      </c>
    </row>
    <row r="9" spans="1:11" ht="15" customHeight="1">
      <c r="A9" s="20" t="s">
        <v>13</v>
      </c>
      <c r="B9" s="20"/>
      <c r="C9" s="16">
        <v>1814</v>
      </c>
      <c r="D9" s="22">
        <v>956</v>
      </c>
      <c r="E9" s="22">
        <v>858</v>
      </c>
      <c r="F9" s="22"/>
      <c r="G9" s="21" t="s">
        <v>14</v>
      </c>
      <c r="H9" s="20"/>
      <c r="I9" s="16">
        <v>4199</v>
      </c>
      <c r="J9" s="22">
        <v>2097</v>
      </c>
      <c r="K9" s="22">
        <v>2102</v>
      </c>
    </row>
    <row r="10" spans="1:11" ht="15" customHeight="1">
      <c r="A10" s="20" t="s">
        <v>15</v>
      </c>
      <c r="B10" s="20"/>
      <c r="C10" s="16">
        <v>1948</v>
      </c>
      <c r="D10" s="22">
        <v>999</v>
      </c>
      <c r="E10" s="22">
        <v>949</v>
      </c>
      <c r="F10" s="22"/>
      <c r="G10" s="21" t="s">
        <v>16</v>
      </c>
      <c r="H10" s="20"/>
      <c r="I10" s="16">
        <v>3983</v>
      </c>
      <c r="J10" s="22">
        <v>2047</v>
      </c>
      <c r="K10" s="22">
        <v>1936</v>
      </c>
    </row>
    <row r="11" spans="1:11" ht="20.100000000000001" customHeight="1">
      <c r="A11" s="20" t="s">
        <v>17</v>
      </c>
      <c r="B11" s="20"/>
      <c r="C11" s="16">
        <v>10518</v>
      </c>
      <c r="D11" s="17">
        <v>5377</v>
      </c>
      <c r="E11" s="17">
        <v>5141</v>
      </c>
      <c r="F11" s="17"/>
      <c r="G11" s="21" t="s">
        <v>18</v>
      </c>
      <c r="H11" s="20"/>
      <c r="I11" s="16">
        <v>17204</v>
      </c>
      <c r="J11" s="17">
        <v>8793</v>
      </c>
      <c r="K11" s="17">
        <v>8411</v>
      </c>
    </row>
    <row r="12" spans="1:11" ht="15" customHeight="1">
      <c r="A12" s="20" t="s">
        <v>19</v>
      </c>
      <c r="B12" s="20"/>
      <c r="C12" s="16">
        <v>1973</v>
      </c>
      <c r="D12" s="22">
        <v>995</v>
      </c>
      <c r="E12" s="22">
        <v>978</v>
      </c>
      <c r="F12" s="22"/>
      <c r="G12" s="21" t="s">
        <v>20</v>
      </c>
      <c r="H12" s="20"/>
      <c r="I12" s="16">
        <v>4007</v>
      </c>
      <c r="J12" s="22">
        <v>2064</v>
      </c>
      <c r="K12" s="22">
        <v>1943</v>
      </c>
    </row>
    <row r="13" spans="1:11" ht="15" customHeight="1">
      <c r="A13" s="20" t="s">
        <v>21</v>
      </c>
      <c r="B13" s="20"/>
      <c r="C13" s="16">
        <v>2097</v>
      </c>
      <c r="D13" s="22">
        <v>1062</v>
      </c>
      <c r="E13" s="22">
        <v>1035</v>
      </c>
      <c r="F13" s="22"/>
      <c r="G13" s="21" t="s">
        <v>22</v>
      </c>
      <c r="H13" s="20"/>
      <c r="I13" s="16">
        <v>2814</v>
      </c>
      <c r="J13" s="22">
        <v>1416</v>
      </c>
      <c r="K13" s="22">
        <v>1398</v>
      </c>
    </row>
    <row r="14" spans="1:11" ht="15" customHeight="1">
      <c r="A14" s="20" t="s">
        <v>23</v>
      </c>
      <c r="B14" s="20"/>
      <c r="C14" s="16">
        <v>2069</v>
      </c>
      <c r="D14" s="22">
        <v>1040</v>
      </c>
      <c r="E14" s="22">
        <v>1029</v>
      </c>
      <c r="F14" s="22"/>
      <c r="G14" s="21" t="s">
        <v>24</v>
      </c>
      <c r="H14" s="20"/>
      <c r="I14" s="16">
        <v>3766</v>
      </c>
      <c r="J14" s="22">
        <v>1910</v>
      </c>
      <c r="K14" s="22">
        <v>1856</v>
      </c>
    </row>
    <row r="15" spans="1:11" ht="15" customHeight="1">
      <c r="A15" s="20" t="s">
        <v>25</v>
      </c>
      <c r="B15" s="20"/>
      <c r="C15" s="16">
        <v>2118</v>
      </c>
      <c r="D15" s="22">
        <v>1094</v>
      </c>
      <c r="E15" s="22">
        <v>1024</v>
      </c>
      <c r="F15" s="22"/>
      <c r="G15" s="21" t="s">
        <v>26</v>
      </c>
      <c r="H15" s="20"/>
      <c r="I15" s="16">
        <v>3454</v>
      </c>
      <c r="J15" s="22">
        <v>1772</v>
      </c>
      <c r="K15" s="22">
        <v>1682</v>
      </c>
    </row>
    <row r="16" spans="1:11" ht="15" customHeight="1">
      <c r="A16" s="20" t="s">
        <v>27</v>
      </c>
      <c r="B16" s="20"/>
      <c r="C16" s="16">
        <v>2261</v>
      </c>
      <c r="D16" s="22">
        <v>1186</v>
      </c>
      <c r="E16" s="22">
        <v>1075</v>
      </c>
      <c r="F16" s="22"/>
      <c r="G16" s="21" t="s">
        <v>28</v>
      </c>
      <c r="H16" s="20"/>
      <c r="I16" s="16">
        <v>3163</v>
      </c>
      <c r="J16" s="22">
        <v>1631</v>
      </c>
      <c r="K16" s="22">
        <v>1532</v>
      </c>
    </row>
    <row r="17" spans="1:11" ht="20.100000000000001" customHeight="1">
      <c r="A17" s="24" t="s">
        <v>29</v>
      </c>
      <c r="B17" s="24"/>
      <c r="C17" s="16">
        <v>11255</v>
      </c>
      <c r="D17" s="17">
        <v>5679</v>
      </c>
      <c r="E17" s="17">
        <v>5576</v>
      </c>
      <c r="F17" s="17"/>
      <c r="G17" s="21" t="s">
        <v>30</v>
      </c>
      <c r="H17" s="20"/>
      <c r="I17" s="16">
        <v>13944</v>
      </c>
      <c r="J17" s="17">
        <v>6998</v>
      </c>
      <c r="K17" s="17">
        <v>6946</v>
      </c>
    </row>
    <row r="18" spans="1:11" ht="15" customHeight="1">
      <c r="A18" s="20" t="s">
        <v>31</v>
      </c>
      <c r="B18" s="20"/>
      <c r="C18" s="16">
        <v>2180</v>
      </c>
      <c r="D18" s="22">
        <v>1109</v>
      </c>
      <c r="E18" s="22">
        <v>1071</v>
      </c>
      <c r="F18" s="22"/>
      <c r="G18" s="21" t="s">
        <v>32</v>
      </c>
      <c r="H18" s="20"/>
      <c r="I18" s="16">
        <v>2923</v>
      </c>
      <c r="J18" s="22">
        <v>1499</v>
      </c>
      <c r="K18" s="22">
        <v>1424</v>
      </c>
    </row>
    <row r="19" spans="1:11" ht="15" customHeight="1">
      <c r="A19" s="20" t="s">
        <v>33</v>
      </c>
      <c r="B19" s="20"/>
      <c r="C19" s="16">
        <v>2283</v>
      </c>
      <c r="D19" s="22">
        <v>1163</v>
      </c>
      <c r="E19" s="22">
        <v>1120</v>
      </c>
      <c r="F19" s="22"/>
      <c r="G19" s="21" t="s">
        <v>34</v>
      </c>
      <c r="H19" s="20"/>
      <c r="I19" s="16">
        <v>2936</v>
      </c>
      <c r="J19" s="22">
        <v>1477</v>
      </c>
      <c r="K19" s="22">
        <v>1459</v>
      </c>
    </row>
    <row r="20" spans="1:11" ht="15" customHeight="1">
      <c r="A20" s="20" t="s">
        <v>35</v>
      </c>
      <c r="B20" s="20"/>
      <c r="C20" s="16">
        <v>2243</v>
      </c>
      <c r="D20" s="22">
        <v>1129</v>
      </c>
      <c r="E20" s="22">
        <v>1114</v>
      </c>
      <c r="F20" s="22"/>
      <c r="G20" s="21" t="s">
        <v>36</v>
      </c>
      <c r="H20" s="20"/>
      <c r="I20" s="16">
        <v>2714</v>
      </c>
      <c r="J20" s="22">
        <v>1359</v>
      </c>
      <c r="K20" s="22">
        <v>1355</v>
      </c>
    </row>
    <row r="21" spans="1:11" ht="15" customHeight="1">
      <c r="A21" s="20" t="s">
        <v>37</v>
      </c>
      <c r="B21" s="20"/>
      <c r="C21" s="16">
        <v>2232</v>
      </c>
      <c r="D21" s="22">
        <v>1089</v>
      </c>
      <c r="E21" s="22">
        <v>1143</v>
      </c>
      <c r="F21" s="22"/>
      <c r="G21" s="21" t="s">
        <v>38</v>
      </c>
      <c r="H21" s="20"/>
      <c r="I21" s="16">
        <v>2649</v>
      </c>
      <c r="J21" s="22">
        <v>1306</v>
      </c>
      <c r="K21" s="22">
        <v>1343</v>
      </c>
    </row>
    <row r="22" spans="1:11" ht="15" customHeight="1">
      <c r="A22" s="20" t="s">
        <v>39</v>
      </c>
      <c r="B22" s="20"/>
      <c r="C22" s="16">
        <v>2317</v>
      </c>
      <c r="D22" s="22">
        <v>1189</v>
      </c>
      <c r="E22" s="22">
        <v>1128</v>
      </c>
      <c r="F22" s="22"/>
      <c r="G22" s="21" t="s">
        <v>40</v>
      </c>
      <c r="H22" s="20"/>
      <c r="I22" s="16">
        <v>2722</v>
      </c>
      <c r="J22" s="22">
        <v>1357</v>
      </c>
      <c r="K22" s="22">
        <v>1365</v>
      </c>
    </row>
    <row r="23" spans="1:11" ht="20.100000000000001" customHeight="1">
      <c r="A23" s="20" t="s">
        <v>41</v>
      </c>
      <c r="B23" s="20"/>
      <c r="C23" s="16">
        <v>11368</v>
      </c>
      <c r="D23" s="17">
        <v>5718</v>
      </c>
      <c r="E23" s="17">
        <v>5650</v>
      </c>
      <c r="F23" s="17"/>
      <c r="G23" s="21" t="s">
        <v>42</v>
      </c>
      <c r="H23" s="20"/>
      <c r="I23" s="16">
        <v>12586</v>
      </c>
      <c r="J23" s="17">
        <v>6152</v>
      </c>
      <c r="K23" s="17">
        <v>6434</v>
      </c>
    </row>
    <row r="24" spans="1:11" ht="15" customHeight="1">
      <c r="A24" s="20" t="s">
        <v>43</v>
      </c>
      <c r="B24" s="20"/>
      <c r="C24" s="16">
        <v>2361</v>
      </c>
      <c r="D24" s="22">
        <v>1186</v>
      </c>
      <c r="E24" s="22">
        <v>1175</v>
      </c>
      <c r="F24" s="22"/>
      <c r="G24" s="21" t="s">
        <v>44</v>
      </c>
      <c r="H24" s="20"/>
      <c r="I24" s="16">
        <v>2390</v>
      </c>
      <c r="J24" s="22">
        <v>1206</v>
      </c>
      <c r="K24" s="22">
        <v>1184</v>
      </c>
    </row>
    <row r="25" spans="1:11" ht="15" customHeight="1">
      <c r="A25" s="20" t="s">
        <v>45</v>
      </c>
      <c r="B25" s="20"/>
      <c r="C25" s="16">
        <v>2189</v>
      </c>
      <c r="D25" s="22">
        <v>1141</v>
      </c>
      <c r="E25" s="22">
        <v>1048</v>
      </c>
      <c r="F25" s="22"/>
      <c r="G25" s="21" t="s">
        <v>46</v>
      </c>
      <c r="H25" s="20"/>
      <c r="I25" s="16">
        <v>2534</v>
      </c>
      <c r="J25" s="22">
        <v>1217</v>
      </c>
      <c r="K25" s="22">
        <v>1317</v>
      </c>
    </row>
    <row r="26" spans="1:11" ht="15" customHeight="1">
      <c r="A26" s="20" t="s">
        <v>47</v>
      </c>
      <c r="B26" s="20"/>
      <c r="C26" s="16">
        <v>2245</v>
      </c>
      <c r="D26" s="22">
        <v>1101</v>
      </c>
      <c r="E26" s="22">
        <v>1144</v>
      </c>
      <c r="F26" s="22"/>
      <c r="G26" s="21" t="s">
        <v>48</v>
      </c>
      <c r="H26" s="20"/>
      <c r="I26" s="16">
        <v>2501</v>
      </c>
      <c r="J26" s="22">
        <v>1193</v>
      </c>
      <c r="K26" s="22">
        <v>1308</v>
      </c>
    </row>
    <row r="27" spans="1:11" ht="15" customHeight="1">
      <c r="A27" s="20" t="s">
        <v>49</v>
      </c>
      <c r="B27" s="20"/>
      <c r="C27" s="16">
        <v>2213</v>
      </c>
      <c r="D27" s="22">
        <v>1090</v>
      </c>
      <c r="E27" s="22">
        <v>1123</v>
      </c>
      <c r="F27" s="22"/>
      <c r="G27" s="21" t="s">
        <v>50</v>
      </c>
      <c r="H27" s="20"/>
      <c r="I27" s="16">
        <v>2468</v>
      </c>
      <c r="J27" s="22">
        <v>1234</v>
      </c>
      <c r="K27" s="22">
        <v>1234</v>
      </c>
    </row>
    <row r="28" spans="1:11" ht="15" customHeight="1">
      <c r="A28" s="20" t="s">
        <v>51</v>
      </c>
      <c r="B28" s="20"/>
      <c r="C28" s="16">
        <v>2360</v>
      </c>
      <c r="D28" s="22">
        <v>1200</v>
      </c>
      <c r="E28" s="22">
        <v>1160</v>
      </c>
      <c r="F28" s="22"/>
      <c r="G28" s="21" t="s">
        <v>52</v>
      </c>
      <c r="H28" s="20"/>
      <c r="I28" s="16">
        <v>2693</v>
      </c>
      <c r="J28" s="22">
        <v>1302</v>
      </c>
      <c r="K28" s="22">
        <v>1391</v>
      </c>
    </row>
    <row r="29" spans="1:11" ht="20.100000000000001" customHeight="1">
      <c r="A29" s="20" t="s">
        <v>53</v>
      </c>
      <c r="B29" s="20"/>
      <c r="C29" s="16">
        <v>11280</v>
      </c>
      <c r="D29" s="17">
        <v>5537</v>
      </c>
      <c r="E29" s="17">
        <v>5743</v>
      </c>
      <c r="F29" s="17"/>
      <c r="G29" s="21" t="s">
        <v>54</v>
      </c>
      <c r="H29" s="20"/>
      <c r="I29" s="16">
        <v>16191</v>
      </c>
      <c r="J29" s="17">
        <v>7441</v>
      </c>
      <c r="K29" s="17">
        <v>8750</v>
      </c>
    </row>
    <row r="30" spans="1:11" ht="15" customHeight="1">
      <c r="A30" s="20" t="s">
        <v>55</v>
      </c>
      <c r="B30" s="20"/>
      <c r="C30" s="16">
        <v>2241</v>
      </c>
      <c r="D30" s="22">
        <v>1138</v>
      </c>
      <c r="E30" s="22">
        <v>1103</v>
      </c>
      <c r="F30" s="22"/>
      <c r="G30" s="21" t="s">
        <v>56</v>
      </c>
      <c r="H30" s="20"/>
      <c r="I30" s="16">
        <v>2842</v>
      </c>
      <c r="J30" s="22">
        <v>1308</v>
      </c>
      <c r="K30" s="22">
        <v>1534</v>
      </c>
    </row>
    <row r="31" spans="1:11" ht="15" customHeight="1">
      <c r="A31" s="20" t="s">
        <v>57</v>
      </c>
      <c r="B31" s="20"/>
      <c r="C31" s="16">
        <v>2313</v>
      </c>
      <c r="D31" s="22">
        <v>1108</v>
      </c>
      <c r="E31" s="22">
        <v>1205</v>
      </c>
      <c r="F31" s="22"/>
      <c r="G31" s="21" t="s">
        <v>58</v>
      </c>
      <c r="H31" s="20"/>
      <c r="I31" s="16">
        <v>2988</v>
      </c>
      <c r="J31" s="22">
        <v>1408</v>
      </c>
      <c r="K31" s="22">
        <v>1580</v>
      </c>
    </row>
    <row r="32" spans="1:11" ht="15" customHeight="1">
      <c r="A32" s="20" t="s">
        <v>59</v>
      </c>
      <c r="B32" s="20"/>
      <c r="C32" s="16">
        <v>2408</v>
      </c>
      <c r="D32" s="22">
        <v>1161</v>
      </c>
      <c r="E32" s="22">
        <v>1247</v>
      </c>
      <c r="F32" s="22"/>
      <c r="G32" s="21" t="s">
        <v>60</v>
      </c>
      <c r="H32" s="20"/>
      <c r="I32" s="16">
        <v>3142</v>
      </c>
      <c r="J32" s="22">
        <v>1474</v>
      </c>
      <c r="K32" s="22">
        <v>1668</v>
      </c>
    </row>
    <row r="33" spans="1:11" ht="15" customHeight="1">
      <c r="A33" s="20" t="s">
        <v>61</v>
      </c>
      <c r="B33" s="20"/>
      <c r="C33" s="16">
        <v>2231</v>
      </c>
      <c r="D33" s="22">
        <v>1092</v>
      </c>
      <c r="E33" s="22">
        <v>1139</v>
      </c>
      <c r="F33" s="22"/>
      <c r="G33" s="21" t="s">
        <v>62</v>
      </c>
      <c r="H33" s="20"/>
      <c r="I33" s="16">
        <v>3649</v>
      </c>
      <c r="J33" s="22">
        <v>1700</v>
      </c>
      <c r="K33" s="22">
        <v>1949</v>
      </c>
    </row>
    <row r="34" spans="1:11" ht="15" customHeight="1">
      <c r="A34" s="20" t="s">
        <v>63</v>
      </c>
      <c r="B34" s="20"/>
      <c r="C34" s="16">
        <v>2087</v>
      </c>
      <c r="D34" s="22">
        <v>1038</v>
      </c>
      <c r="E34" s="22">
        <v>1049</v>
      </c>
      <c r="F34" s="22"/>
      <c r="G34" s="21" t="s">
        <v>64</v>
      </c>
      <c r="H34" s="20"/>
      <c r="I34" s="16">
        <v>3570</v>
      </c>
      <c r="J34" s="22">
        <v>1551</v>
      </c>
      <c r="K34" s="22">
        <v>2019</v>
      </c>
    </row>
    <row r="35" spans="1:11" ht="20.100000000000001" customHeight="1">
      <c r="A35" s="20" t="s">
        <v>65</v>
      </c>
      <c r="B35" s="20"/>
      <c r="C35" s="16">
        <v>10317</v>
      </c>
      <c r="D35" s="17">
        <v>5133</v>
      </c>
      <c r="E35" s="17">
        <v>5184</v>
      </c>
      <c r="F35" s="17"/>
      <c r="G35" s="21" t="s">
        <v>66</v>
      </c>
      <c r="H35" s="20"/>
      <c r="I35" s="16">
        <v>13645</v>
      </c>
      <c r="J35" s="17">
        <v>6056</v>
      </c>
      <c r="K35" s="17">
        <v>7589</v>
      </c>
    </row>
    <row r="36" spans="1:11" ht="15" customHeight="1">
      <c r="A36" s="20" t="s">
        <v>67</v>
      </c>
      <c r="B36" s="20"/>
      <c r="C36" s="16">
        <v>2143</v>
      </c>
      <c r="D36" s="22">
        <v>1044</v>
      </c>
      <c r="E36" s="22">
        <v>1099</v>
      </c>
      <c r="F36" s="22"/>
      <c r="G36" s="21" t="s">
        <v>68</v>
      </c>
      <c r="H36" s="20"/>
      <c r="I36" s="16">
        <v>3533</v>
      </c>
      <c r="J36" s="22">
        <v>1581</v>
      </c>
      <c r="K36" s="22">
        <v>1952</v>
      </c>
    </row>
    <row r="37" spans="1:11" ht="15" customHeight="1">
      <c r="A37" s="20" t="s">
        <v>69</v>
      </c>
      <c r="B37" s="20"/>
      <c r="C37" s="16">
        <v>1983</v>
      </c>
      <c r="D37" s="22">
        <v>1031</v>
      </c>
      <c r="E37" s="22">
        <v>952</v>
      </c>
      <c r="F37" s="22"/>
      <c r="G37" s="21" t="s">
        <v>70</v>
      </c>
      <c r="H37" s="20"/>
      <c r="I37" s="16">
        <v>2531</v>
      </c>
      <c r="J37" s="22">
        <v>1136</v>
      </c>
      <c r="K37" s="22">
        <v>1395</v>
      </c>
    </row>
    <row r="38" spans="1:11" ht="15" customHeight="1">
      <c r="A38" s="20" t="s">
        <v>71</v>
      </c>
      <c r="B38" s="20"/>
      <c r="C38" s="16">
        <v>2038</v>
      </c>
      <c r="D38" s="22">
        <v>1017</v>
      </c>
      <c r="E38" s="22">
        <v>1021</v>
      </c>
      <c r="F38" s="22"/>
      <c r="G38" s="21" t="s">
        <v>72</v>
      </c>
      <c r="H38" s="20"/>
      <c r="I38" s="16">
        <v>2222</v>
      </c>
      <c r="J38" s="22">
        <v>1001</v>
      </c>
      <c r="K38" s="22">
        <v>1221</v>
      </c>
    </row>
    <row r="39" spans="1:11" ht="15" customHeight="1">
      <c r="A39" s="20" t="s">
        <v>73</v>
      </c>
      <c r="B39" s="20"/>
      <c r="C39" s="16">
        <v>2006</v>
      </c>
      <c r="D39" s="22">
        <v>1012</v>
      </c>
      <c r="E39" s="22">
        <v>994</v>
      </c>
      <c r="F39" s="22"/>
      <c r="G39" s="21" t="s">
        <v>74</v>
      </c>
      <c r="H39" s="20"/>
      <c r="I39" s="16">
        <v>2620</v>
      </c>
      <c r="J39" s="22">
        <v>1168</v>
      </c>
      <c r="K39" s="22">
        <v>1452</v>
      </c>
    </row>
    <row r="40" spans="1:11" ht="15" customHeight="1">
      <c r="A40" s="20" t="s">
        <v>75</v>
      </c>
      <c r="B40" s="20"/>
      <c r="C40" s="16">
        <v>2147</v>
      </c>
      <c r="D40" s="22">
        <v>1029</v>
      </c>
      <c r="E40" s="22">
        <v>1118</v>
      </c>
      <c r="F40" s="22"/>
      <c r="G40" s="21" t="s">
        <v>76</v>
      </c>
      <c r="H40" s="20"/>
      <c r="I40" s="16">
        <v>2739</v>
      </c>
      <c r="J40" s="22">
        <v>1170</v>
      </c>
      <c r="K40" s="22">
        <v>1569</v>
      </c>
    </row>
    <row r="41" spans="1:11" ht="20.100000000000001" customHeight="1">
      <c r="A41" s="20" t="s">
        <v>77</v>
      </c>
      <c r="B41" s="20"/>
      <c r="C41" s="16">
        <v>10933</v>
      </c>
      <c r="D41" s="17">
        <v>5340</v>
      </c>
      <c r="E41" s="17">
        <v>5593</v>
      </c>
      <c r="F41" s="17"/>
      <c r="G41" s="21" t="s">
        <v>78</v>
      </c>
      <c r="H41" s="20"/>
      <c r="I41" s="16">
        <v>11363</v>
      </c>
      <c r="J41" s="17">
        <v>4884</v>
      </c>
      <c r="K41" s="17">
        <v>6479</v>
      </c>
    </row>
    <row r="42" spans="1:11" ht="15" customHeight="1">
      <c r="A42" s="20" t="s">
        <v>79</v>
      </c>
      <c r="B42" s="20"/>
      <c r="C42" s="16">
        <v>2068</v>
      </c>
      <c r="D42" s="22">
        <v>1013</v>
      </c>
      <c r="E42" s="22">
        <v>1055</v>
      </c>
      <c r="F42" s="22"/>
      <c r="G42" s="21" t="s">
        <v>80</v>
      </c>
      <c r="H42" s="20"/>
      <c r="I42" s="16">
        <v>2689</v>
      </c>
      <c r="J42" s="22">
        <v>1183</v>
      </c>
      <c r="K42" s="22">
        <v>1506</v>
      </c>
    </row>
    <row r="43" spans="1:11" ht="15" customHeight="1">
      <c r="A43" s="20" t="s">
        <v>81</v>
      </c>
      <c r="B43" s="20"/>
      <c r="C43" s="16">
        <v>2129</v>
      </c>
      <c r="D43" s="22">
        <v>1056</v>
      </c>
      <c r="E43" s="22">
        <v>1073</v>
      </c>
      <c r="F43" s="22"/>
      <c r="G43" s="21" t="s">
        <v>82</v>
      </c>
      <c r="H43" s="20"/>
      <c r="I43" s="16">
        <v>2578</v>
      </c>
      <c r="J43" s="22">
        <v>1093</v>
      </c>
      <c r="K43" s="22">
        <v>1485</v>
      </c>
    </row>
    <row r="44" spans="1:11" ht="15" customHeight="1">
      <c r="A44" s="20" t="s">
        <v>83</v>
      </c>
      <c r="B44" s="20"/>
      <c r="C44" s="16">
        <v>2110</v>
      </c>
      <c r="D44" s="22">
        <v>1019</v>
      </c>
      <c r="E44" s="22">
        <v>1091</v>
      </c>
      <c r="F44" s="22"/>
      <c r="G44" s="21" t="s">
        <v>84</v>
      </c>
      <c r="H44" s="20"/>
      <c r="I44" s="16">
        <v>2381</v>
      </c>
      <c r="J44" s="22">
        <v>1037</v>
      </c>
      <c r="K44" s="22">
        <v>1344</v>
      </c>
    </row>
    <row r="45" spans="1:11" ht="15" customHeight="1">
      <c r="A45" s="20" t="s">
        <v>85</v>
      </c>
      <c r="B45" s="20"/>
      <c r="C45" s="16">
        <v>2225</v>
      </c>
      <c r="D45" s="22">
        <v>1084</v>
      </c>
      <c r="E45" s="22">
        <v>1141</v>
      </c>
      <c r="F45" s="22"/>
      <c r="G45" s="21" t="s">
        <v>86</v>
      </c>
      <c r="H45" s="20"/>
      <c r="I45" s="16">
        <v>1934</v>
      </c>
      <c r="J45" s="22">
        <v>822</v>
      </c>
      <c r="K45" s="22">
        <v>1112</v>
      </c>
    </row>
    <row r="46" spans="1:11" ht="15" customHeight="1">
      <c r="A46" s="20" t="s">
        <v>87</v>
      </c>
      <c r="B46" s="20"/>
      <c r="C46" s="16">
        <v>2401</v>
      </c>
      <c r="D46" s="22">
        <v>1168</v>
      </c>
      <c r="E46" s="22">
        <v>1233</v>
      </c>
      <c r="F46" s="22"/>
      <c r="G46" s="21" t="s">
        <v>88</v>
      </c>
      <c r="H46" s="20"/>
      <c r="I46" s="16">
        <v>1781</v>
      </c>
      <c r="J46" s="22">
        <v>749</v>
      </c>
      <c r="K46" s="22">
        <v>1032</v>
      </c>
    </row>
    <row r="47" spans="1:11" ht="20.100000000000001" customHeight="1">
      <c r="A47" s="20" t="s">
        <v>89</v>
      </c>
      <c r="B47" s="20"/>
      <c r="C47" s="16">
        <v>13859</v>
      </c>
      <c r="D47" s="17">
        <v>6890</v>
      </c>
      <c r="E47" s="17">
        <v>6969</v>
      </c>
      <c r="F47" s="17"/>
      <c r="G47" s="21" t="s">
        <v>90</v>
      </c>
      <c r="H47" s="20"/>
      <c r="I47" s="16">
        <v>7519</v>
      </c>
      <c r="J47" s="17">
        <v>2956</v>
      </c>
      <c r="K47" s="17">
        <v>4563</v>
      </c>
    </row>
    <row r="48" spans="1:11" ht="15" customHeight="1">
      <c r="A48" s="20" t="s">
        <v>91</v>
      </c>
      <c r="B48" s="20"/>
      <c r="C48" s="16">
        <v>2516</v>
      </c>
      <c r="D48" s="22">
        <v>1294</v>
      </c>
      <c r="E48" s="22">
        <v>1222</v>
      </c>
      <c r="F48" s="22"/>
      <c r="G48" s="21" t="s">
        <v>92</v>
      </c>
      <c r="H48" s="20"/>
      <c r="I48" s="16">
        <v>1930</v>
      </c>
      <c r="J48" s="22">
        <v>823</v>
      </c>
      <c r="K48" s="22">
        <v>1107</v>
      </c>
    </row>
    <row r="49" spans="1:11" ht="15" customHeight="1">
      <c r="A49" s="20" t="s">
        <v>93</v>
      </c>
      <c r="B49" s="20"/>
      <c r="C49" s="16">
        <v>2639</v>
      </c>
      <c r="D49" s="22">
        <v>1337</v>
      </c>
      <c r="E49" s="22">
        <v>1302</v>
      </c>
      <c r="F49" s="22"/>
      <c r="G49" s="21" t="s">
        <v>94</v>
      </c>
      <c r="H49" s="20"/>
      <c r="I49" s="16">
        <v>1668</v>
      </c>
      <c r="J49" s="22">
        <v>667</v>
      </c>
      <c r="K49" s="22">
        <v>1001</v>
      </c>
    </row>
    <row r="50" spans="1:11" ht="15" customHeight="1">
      <c r="A50" s="20" t="s">
        <v>95</v>
      </c>
      <c r="B50" s="20"/>
      <c r="C50" s="16">
        <v>2675</v>
      </c>
      <c r="D50" s="22">
        <v>1316</v>
      </c>
      <c r="E50" s="22">
        <v>1359</v>
      </c>
      <c r="F50" s="22"/>
      <c r="G50" s="21" t="s">
        <v>96</v>
      </c>
      <c r="H50" s="20"/>
      <c r="I50" s="16">
        <v>1557</v>
      </c>
      <c r="J50" s="22">
        <v>630</v>
      </c>
      <c r="K50" s="22">
        <v>927</v>
      </c>
    </row>
    <row r="51" spans="1:11" ht="15" customHeight="1">
      <c r="A51" s="20" t="s">
        <v>97</v>
      </c>
      <c r="B51" s="20"/>
      <c r="C51" s="16">
        <v>2950</v>
      </c>
      <c r="D51" s="22">
        <v>1377</v>
      </c>
      <c r="E51" s="22">
        <v>1573</v>
      </c>
      <c r="F51" s="22"/>
      <c r="G51" s="21" t="s">
        <v>98</v>
      </c>
      <c r="H51" s="20"/>
      <c r="I51" s="16">
        <v>1241</v>
      </c>
      <c r="J51" s="22">
        <v>457</v>
      </c>
      <c r="K51" s="22">
        <v>784</v>
      </c>
    </row>
    <row r="52" spans="1:11" ht="15" customHeight="1">
      <c r="A52" s="20" t="s">
        <v>99</v>
      </c>
      <c r="B52" s="20"/>
      <c r="C52" s="16">
        <v>3079</v>
      </c>
      <c r="D52" s="22">
        <v>1566</v>
      </c>
      <c r="E52" s="22">
        <v>1513</v>
      </c>
      <c r="F52" s="22"/>
      <c r="G52" s="21" t="s">
        <v>100</v>
      </c>
      <c r="H52" s="20"/>
      <c r="I52" s="16">
        <v>1123</v>
      </c>
      <c r="J52" s="22">
        <v>379</v>
      </c>
      <c r="K52" s="22">
        <v>744</v>
      </c>
    </row>
    <row r="53" spans="1:11" ht="20.100000000000001" customHeight="1">
      <c r="A53" s="20" t="s">
        <v>101</v>
      </c>
      <c r="B53" s="20"/>
      <c r="C53" s="16">
        <v>16530</v>
      </c>
      <c r="D53" s="17">
        <v>8113</v>
      </c>
      <c r="E53" s="17">
        <v>8417</v>
      </c>
      <c r="F53" s="17"/>
      <c r="G53" s="21" t="s">
        <v>102</v>
      </c>
      <c r="H53" s="20"/>
      <c r="I53" s="16">
        <v>3403</v>
      </c>
      <c r="J53" s="17">
        <v>1032</v>
      </c>
      <c r="K53" s="17">
        <v>2371</v>
      </c>
    </row>
    <row r="54" spans="1:11" ht="15" customHeight="1">
      <c r="A54" s="20" t="s">
        <v>103</v>
      </c>
      <c r="B54" s="20"/>
      <c r="C54" s="16">
        <v>3081</v>
      </c>
      <c r="D54" s="22">
        <v>1484</v>
      </c>
      <c r="E54" s="22">
        <v>1597</v>
      </c>
      <c r="F54" s="22"/>
      <c r="G54" s="21" t="s">
        <v>104</v>
      </c>
      <c r="H54" s="20"/>
      <c r="I54" s="16">
        <v>923</v>
      </c>
      <c r="J54" s="22">
        <v>302</v>
      </c>
      <c r="K54" s="22">
        <v>621</v>
      </c>
    </row>
    <row r="55" spans="1:11" ht="15" customHeight="1">
      <c r="A55" s="20" t="s">
        <v>105</v>
      </c>
      <c r="B55" s="20"/>
      <c r="C55" s="16">
        <v>3145</v>
      </c>
      <c r="D55" s="22">
        <v>1566</v>
      </c>
      <c r="E55" s="22">
        <v>1579</v>
      </c>
      <c r="F55" s="22"/>
      <c r="G55" s="21" t="s">
        <v>106</v>
      </c>
      <c r="H55" s="20"/>
      <c r="I55" s="16">
        <v>849</v>
      </c>
      <c r="J55" s="22">
        <v>272</v>
      </c>
      <c r="K55" s="22">
        <v>577</v>
      </c>
    </row>
    <row r="56" spans="1:11" ht="15" customHeight="1">
      <c r="A56" s="20" t="s">
        <v>107</v>
      </c>
      <c r="B56" s="20"/>
      <c r="C56" s="16">
        <v>3256</v>
      </c>
      <c r="D56" s="22">
        <v>1577</v>
      </c>
      <c r="E56" s="22">
        <v>1679</v>
      </c>
      <c r="F56" s="22"/>
      <c r="G56" s="21" t="s">
        <v>108</v>
      </c>
      <c r="H56" s="20"/>
      <c r="I56" s="16">
        <v>632</v>
      </c>
      <c r="J56" s="22">
        <v>173</v>
      </c>
      <c r="K56" s="22">
        <v>459</v>
      </c>
    </row>
    <row r="57" spans="1:11" ht="15" customHeight="1">
      <c r="A57" s="20" t="s">
        <v>109</v>
      </c>
      <c r="B57" s="20"/>
      <c r="C57" s="16">
        <v>3468</v>
      </c>
      <c r="D57" s="22">
        <v>1751</v>
      </c>
      <c r="E57" s="22">
        <v>1717</v>
      </c>
      <c r="F57" s="22"/>
      <c r="G57" s="21" t="s">
        <v>110</v>
      </c>
      <c r="H57" s="20"/>
      <c r="I57" s="16">
        <v>557</v>
      </c>
      <c r="J57" s="22">
        <v>161</v>
      </c>
      <c r="K57" s="22">
        <v>396</v>
      </c>
    </row>
    <row r="58" spans="1:11" ht="15" customHeight="1">
      <c r="A58" s="20" t="s">
        <v>111</v>
      </c>
      <c r="B58" s="20"/>
      <c r="C58" s="16">
        <v>3580</v>
      </c>
      <c r="D58" s="22">
        <v>1735</v>
      </c>
      <c r="E58" s="22">
        <v>1845</v>
      </c>
      <c r="F58" s="22"/>
      <c r="G58" s="21" t="s">
        <v>112</v>
      </c>
      <c r="H58" s="20"/>
      <c r="I58" s="16">
        <v>442</v>
      </c>
      <c r="J58" s="22">
        <v>124</v>
      </c>
      <c r="K58" s="22">
        <v>318</v>
      </c>
    </row>
    <row r="59" spans="1:11" ht="20.100000000000001" customHeight="1">
      <c r="A59" s="20" t="s">
        <v>113</v>
      </c>
      <c r="B59" s="20"/>
      <c r="C59" s="16">
        <v>19815</v>
      </c>
      <c r="D59" s="17">
        <v>9789</v>
      </c>
      <c r="E59" s="17">
        <v>10026</v>
      </c>
      <c r="F59" s="17"/>
      <c r="G59" s="21" t="s">
        <v>114</v>
      </c>
      <c r="H59" s="20"/>
      <c r="I59" s="16">
        <v>909</v>
      </c>
      <c r="J59" s="17">
        <v>197</v>
      </c>
      <c r="K59" s="17">
        <v>712</v>
      </c>
    </row>
    <row r="60" spans="1:11" ht="15" customHeight="1">
      <c r="A60" s="20" t="s">
        <v>115</v>
      </c>
      <c r="B60" s="20"/>
      <c r="C60" s="16">
        <v>3541</v>
      </c>
      <c r="D60" s="22">
        <v>1758</v>
      </c>
      <c r="E60" s="22">
        <v>1783</v>
      </c>
      <c r="F60" s="22"/>
      <c r="G60" s="21" t="s">
        <v>116</v>
      </c>
      <c r="H60" s="20"/>
      <c r="I60" s="16">
        <v>308</v>
      </c>
      <c r="J60" s="22">
        <v>79</v>
      </c>
      <c r="K60" s="22">
        <v>229</v>
      </c>
    </row>
    <row r="61" spans="1:11" ht="15" customHeight="1">
      <c r="A61" s="20" t="s">
        <v>117</v>
      </c>
      <c r="B61" s="20"/>
      <c r="C61" s="16">
        <v>3830</v>
      </c>
      <c r="D61" s="22">
        <v>1913</v>
      </c>
      <c r="E61" s="22">
        <v>1917</v>
      </c>
      <c r="F61" s="22"/>
      <c r="G61" s="21" t="s">
        <v>118</v>
      </c>
      <c r="H61" s="20"/>
      <c r="I61" s="16">
        <v>238</v>
      </c>
      <c r="J61" s="22">
        <v>50</v>
      </c>
      <c r="K61" s="22">
        <v>188</v>
      </c>
    </row>
    <row r="62" spans="1:11" ht="15" customHeight="1">
      <c r="A62" s="20" t="s">
        <v>119</v>
      </c>
      <c r="B62" s="20"/>
      <c r="C62" s="16">
        <v>3924</v>
      </c>
      <c r="D62" s="22">
        <v>1927</v>
      </c>
      <c r="E62" s="22">
        <v>1997</v>
      </c>
      <c r="F62" s="22"/>
      <c r="G62" s="21" t="s">
        <v>120</v>
      </c>
      <c r="H62" s="20"/>
      <c r="I62" s="16">
        <v>167</v>
      </c>
      <c r="J62" s="22">
        <v>31</v>
      </c>
      <c r="K62" s="22">
        <v>136</v>
      </c>
    </row>
    <row r="63" spans="1:11" ht="15" customHeight="1">
      <c r="A63" s="20" t="s">
        <v>121</v>
      </c>
      <c r="B63" s="20"/>
      <c r="C63" s="16">
        <v>4205</v>
      </c>
      <c r="D63" s="22">
        <v>2065</v>
      </c>
      <c r="E63" s="22">
        <v>2140</v>
      </c>
      <c r="F63" s="22"/>
      <c r="G63" s="21" t="s">
        <v>122</v>
      </c>
      <c r="H63" s="20"/>
      <c r="I63" s="16">
        <v>120</v>
      </c>
      <c r="J63" s="22">
        <v>21</v>
      </c>
      <c r="K63" s="22">
        <v>99</v>
      </c>
    </row>
    <row r="64" spans="1:11" ht="15" customHeight="1">
      <c r="A64" s="20" t="s">
        <v>123</v>
      </c>
      <c r="B64" s="20"/>
      <c r="C64" s="16">
        <v>4315</v>
      </c>
      <c r="D64" s="22">
        <v>2126</v>
      </c>
      <c r="E64" s="22">
        <v>2189</v>
      </c>
      <c r="F64" s="22"/>
      <c r="G64" s="21" t="s">
        <v>124</v>
      </c>
      <c r="H64" s="20"/>
      <c r="I64" s="16">
        <v>76</v>
      </c>
      <c r="J64" s="22">
        <v>16</v>
      </c>
      <c r="K64" s="22">
        <v>60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63</v>
      </c>
      <c r="J65" s="22">
        <v>21</v>
      </c>
      <c r="K65" s="22">
        <v>142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994</v>
      </c>
      <c r="J66" s="32">
        <v>1236</v>
      </c>
      <c r="K66" s="32">
        <v>758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4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44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61610</v>
      </c>
      <c r="D4" s="17">
        <v>81653</v>
      </c>
      <c r="E4" s="17">
        <v>79957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4256</v>
      </c>
      <c r="D5" s="17">
        <v>2188</v>
      </c>
      <c r="E5" s="17">
        <v>2068</v>
      </c>
      <c r="F5" s="17"/>
      <c r="G5" s="21" t="s">
        <v>6</v>
      </c>
      <c r="H5" s="20"/>
      <c r="I5" s="16">
        <v>12209</v>
      </c>
      <c r="J5" s="17">
        <v>6457</v>
      </c>
      <c r="K5" s="17">
        <v>5752</v>
      </c>
    </row>
    <row r="6" spans="1:11" ht="15" customHeight="1">
      <c r="A6" s="20" t="s">
        <v>7</v>
      </c>
      <c r="B6" s="20"/>
      <c r="C6" s="16">
        <v>756</v>
      </c>
      <c r="D6" s="22">
        <v>362</v>
      </c>
      <c r="E6" s="22">
        <v>394</v>
      </c>
      <c r="F6" s="22"/>
      <c r="G6" s="21" t="s">
        <v>8</v>
      </c>
      <c r="H6" s="20"/>
      <c r="I6" s="16">
        <v>2577</v>
      </c>
      <c r="J6" s="22">
        <v>1371</v>
      </c>
      <c r="K6" s="22">
        <v>1206</v>
      </c>
    </row>
    <row r="7" spans="1:11" ht="15" customHeight="1">
      <c r="A7" s="20" t="s">
        <v>9</v>
      </c>
      <c r="B7" s="20"/>
      <c r="C7" s="16">
        <v>826</v>
      </c>
      <c r="D7" s="22">
        <v>424</v>
      </c>
      <c r="E7" s="22">
        <v>402</v>
      </c>
      <c r="F7" s="22"/>
      <c r="G7" s="21" t="s">
        <v>10</v>
      </c>
      <c r="H7" s="20"/>
      <c r="I7" s="16">
        <v>2521</v>
      </c>
      <c r="J7" s="22">
        <v>1281</v>
      </c>
      <c r="K7" s="22">
        <v>1240</v>
      </c>
    </row>
    <row r="8" spans="1:11" ht="15" customHeight="1">
      <c r="A8" s="20" t="s">
        <v>11</v>
      </c>
      <c r="B8" s="20"/>
      <c r="C8" s="16">
        <v>882</v>
      </c>
      <c r="D8" s="22">
        <v>441</v>
      </c>
      <c r="E8" s="22">
        <v>441</v>
      </c>
      <c r="F8" s="22"/>
      <c r="G8" s="21" t="s">
        <v>12</v>
      </c>
      <c r="H8" s="20"/>
      <c r="I8" s="16">
        <v>2456</v>
      </c>
      <c r="J8" s="22">
        <v>1292</v>
      </c>
      <c r="K8" s="22">
        <v>1164</v>
      </c>
    </row>
    <row r="9" spans="1:11" ht="15" customHeight="1">
      <c r="A9" s="20" t="s">
        <v>13</v>
      </c>
      <c r="B9" s="20"/>
      <c r="C9" s="16">
        <v>878</v>
      </c>
      <c r="D9" s="22">
        <v>469</v>
      </c>
      <c r="E9" s="22">
        <v>409</v>
      </c>
      <c r="F9" s="22"/>
      <c r="G9" s="21" t="s">
        <v>14</v>
      </c>
      <c r="H9" s="20"/>
      <c r="I9" s="16">
        <v>2305</v>
      </c>
      <c r="J9" s="22">
        <v>1248</v>
      </c>
      <c r="K9" s="22">
        <v>1057</v>
      </c>
    </row>
    <row r="10" spans="1:11" ht="15" customHeight="1">
      <c r="A10" s="20" t="s">
        <v>15</v>
      </c>
      <c r="B10" s="20"/>
      <c r="C10" s="16">
        <v>914</v>
      </c>
      <c r="D10" s="22">
        <v>492</v>
      </c>
      <c r="E10" s="22">
        <v>422</v>
      </c>
      <c r="F10" s="22"/>
      <c r="G10" s="21" t="s">
        <v>16</v>
      </c>
      <c r="H10" s="20"/>
      <c r="I10" s="16">
        <v>2350</v>
      </c>
      <c r="J10" s="22">
        <v>1265</v>
      </c>
      <c r="K10" s="22">
        <v>1085</v>
      </c>
    </row>
    <row r="11" spans="1:11" ht="20.100000000000001" customHeight="1">
      <c r="A11" s="20" t="s">
        <v>17</v>
      </c>
      <c r="B11" s="20"/>
      <c r="C11" s="16">
        <v>5720</v>
      </c>
      <c r="D11" s="17">
        <v>2971</v>
      </c>
      <c r="E11" s="17">
        <v>2749</v>
      </c>
      <c r="F11" s="17"/>
      <c r="G11" s="21" t="s">
        <v>18</v>
      </c>
      <c r="H11" s="20"/>
      <c r="I11" s="16">
        <v>10504</v>
      </c>
      <c r="J11" s="17">
        <v>5434</v>
      </c>
      <c r="K11" s="17">
        <v>5070</v>
      </c>
    </row>
    <row r="12" spans="1:11" ht="15" customHeight="1">
      <c r="A12" s="20" t="s">
        <v>19</v>
      </c>
      <c r="B12" s="20"/>
      <c r="C12" s="16">
        <v>1014</v>
      </c>
      <c r="D12" s="22">
        <v>513</v>
      </c>
      <c r="E12" s="22">
        <v>501</v>
      </c>
      <c r="F12" s="22"/>
      <c r="G12" s="21" t="s">
        <v>20</v>
      </c>
      <c r="H12" s="20"/>
      <c r="I12" s="16">
        <v>2391</v>
      </c>
      <c r="J12" s="22">
        <v>1258</v>
      </c>
      <c r="K12" s="22">
        <v>1133</v>
      </c>
    </row>
    <row r="13" spans="1:11" ht="15" customHeight="1">
      <c r="A13" s="20" t="s">
        <v>21</v>
      </c>
      <c r="B13" s="20"/>
      <c r="C13" s="16">
        <v>1081</v>
      </c>
      <c r="D13" s="22">
        <v>576</v>
      </c>
      <c r="E13" s="22">
        <v>505</v>
      </c>
      <c r="F13" s="22"/>
      <c r="G13" s="21" t="s">
        <v>22</v>
      </c>
      <c r="H13" s="20"/>
      <c r="I13" s="16">
        <v>1703</v>
      </c>
      <c r="J13" s="22">
        <v>918</v>
      </c>
      <c r="K13" s="22">
        <v>785</v>
      </c>
    </row>
    <row r="14" spans="1:11" ht="15" customHeight="1">
      <c r="A14" s="20" t="s">
        <v>23</v>
      </c>
      <c r="B14" s="20"/>
      <c r="C14" s="16">
        <v>1180</v>
      </c>
      <c r="D14" s="22">
        <v>601</v>
      </c>
      <c r="E14" s="22">
        <v>579</v>
      </c>
      <c r="F14" s="22"/>
      <c r="G14" s="21" t="s">
        <v>24</v>
      </c>
      <c r="H14" s="20"/>
      <c r="I14" s="16">
        <v>2228</v>
      </c>
      <c r="J14" s="22">
        <v>1092</v>
      </c>
      <c r="K14" s="22">
        <v>1136</v>
      </c>
    </row>
    <row r="15" spans="1:11" ht="15" customHeight="1">
      <c r="A15" s="20" t="s">
        <v>25</v>
      </c>
      <c r="B15" s="20"/>
      <c r="C15" s="16">
        <v>1194</v>
      </c>
      <c r="D15" s="22">
        <v>642</v>
      </c>
      <c r="E15" s="22">
        <v>552</v>
      </c>
      <c r="F15" s="22"/>
      <c r="G15" s="21" t="s">
        <v>26</v>
      </c>
      <c r="H15" s="20"/>
      <c r="I15" s="16">
        <v>2200</v>
      </c>
      <c r="J15" s="22">
        <v>1129</v>
      </c>
      <c r="K15" s="22">
        <v>1071</v>
      </c>
    </row>
    <row r="16" spans="1:11" ht="15" customHeight="1">
      <c r="A16" s="20" t="s">
        <v>27</v>
      </c>
      <c r="B16" s="20"/>
      <c r="C16" s="16">
        <v>1251</v>
      </c>
      <c r="D16" s="22">
        <v>639</v>
      </c>
      <c r="E16" s="22">
        <v>612</v>
      </c>
      <c r="F16" s="22"/>
      <c r="G16" s="21" t="s">
        <v>28</v>
      </c>
      <c r="H16" s="20"/>
      <c r="I16" s="16">
        <v>1982</v>
      </c>
      <c r="J16" s="22">
        <v>1037</v>
      </c>
      <c r="K16" s="22">
        <v>945</v>
      </c>
    </row>
    <row r="17" spans="1:11" ht="20.100000000000001" customHeight="1">
      <c r="A17" s="24" t="s">
        <v>29</v>
      </c>
      <c r="B17" s="24"/>
      <c r="C17" s="16">
        <v>6724</v>
      </c>
      <c r="D17" s="17">
        <v>3515</v>
      </c>
      <c r="E17" s="17">
        <v>3209</v>
      </c>
      <c r="F17" s="17"/>
      <c r="G17" s="21" t="s">
        <v>30</v>
      </c>
      <c r="H17" s="20"/>
      <c r="I17" s="16">
        <v>9378</v>
      </c>
      <c r="J17" s="17">
        <v>4685</v>
      </c>
      <c r="K17" s="17">
        <v>4693</v>
      </c>
    </row>
    <row r="18" spans="1:11" ht="15" customHeight="1">
      <c r="A18" s="20" t="s">
        <v>31</v>
      </c>
      <c r="B18" s="20"/>
      <c r="C18" s="16">
        <v>1297</v>
      </c>
      <c r="D18" s="22">
        <v>684</v>
      </c>
      <c r="E18" s="22">
        <v>613</v>
      </c>
      <c r="F18" s="22"/>
      <c r="G18" s="21" t="s">
        <v>32</v>
      </c>
      <c r="H18" s="20"/>
      <c r="I18" s="16">
        <v>1873</v>
      </c>
      <c r="J18" s="22">
        <v>961</v>
      </c>
      <c r="K18" s="22">
        <v>912</v>
      </c>
    </row>
    <row r="19" spans="1:11" ht="15" customHeight="1">
      <c r="A19" s="20" t="s">
        <v>33</v>
      </c>
      <c r="B19" s="20"/>
      <c r="C19" s="16">
        <v>1325</v>
      </c>
      <c r="D19" s="22">
        <v>682</v>
      </c>
      <c r="E19" s="22">
        <v>643</v>
      </c>
      <c r="F19" s="22"/>
      <c r="G19" s="21" t="s">
        <v>34</v>
      </c>
      <c r="H19" s="20"/>
      <c r="I19" s="16">
        <v>1855</v>
      </c>
      <c r="J19" s="22">
        <v>918</v>
      </c>
      <c r="K19" s="22">
        <v>937</v>
      </c>
    </row>
    <row r="20" spans="1:11" ht="15" customHeight="1">
      <c r="A20" s="20" t="s">
        <v>35</v>
      </c>
      <c r="B20" s="20"/>
      <c r="C20" s="16">
        <v>1301</v>
      </c>
      <c r="D20" s="22">
        <v>682</v>
      </c>
      <c r="E20" s="22">
        <v>619</v>
      </c>
      <c r="F20" s="22"/>
      <c r="G20" s="21" t="s">
        <v>36</v>
      </c>
      <c r="H20" s="20"/>
      <c r="I20" s="16">
        <v>1852</v>
      </c>
      <c r="J20" s="22">
        <v>902</v>
      </c>
      <c r="K20" s="22">
        <v>950</v>
      </c>
    </row>
    <row r="21" spans="1:11" ht="15" customHeight="1">
      <c r="A21" s="20" t="s">
        <v>37</v>
      </c>
      <c r="B21" s="20"/>
      <c r="C21" s="16">
        <v>1358</v>
      </c>
      <c r="D21" s="22">
        <v>702</v>
      </c>
      <c r="E21" s="22">
        <v>656</v>
      </c>
      <c r="F21" s="22"/>
      <c r="G21" s="21" t="s">
        <v>38</v>
      </c>
      <c r="H21" s="20"/>
      <c r="I21" s="16">
        <v>1858</v>
      </c>
      <c r="J21" s="22">
        <v>947</v>
      </c>
      <c r="K21" s="22">
        <v>911</v>
      </c>
    </row>
    <row r="22" spans="1:11" ht="15" customHeight="1">
      <c r="A22" s="20" t="s">
        <v>39</v>
      </c>
      <c r="B22" s="20"/>
      <c r="C22" s="16">
        <v>1443</v>
      </c>
      <c r="D22" s="22">
        <v>765</v>
      </c>
      <c r="E22" s="22">
        <v>678</v>
      </c>
      <c r="F22" s="22"/>
      <c r="G22" s="21" t="s">
        <v>40</v>
      </c>
      <c r="H22" s="20"/>
      <c r="I22" s="16">
        <v>1940</v>
      </c>
      <c r="J22" s="22">
        <v>957</v>
      </c>
      <c r="K22" s="22">
        <v>983</v>
      </c>
    </row>
    <row r="23" spans="1:11" ht="20.100000000000001" customHeight="1">
      <c r="A23" s="20" t="s">
        <v>41</v>
      </c>
      <c r="B23" s="20"/>
      <c r="C23" s="16">
        <v>7263</v>
      </c>
      <c r="D23" s="17">
        <v>3662</v>
      </c>
      <c r="E23" s="17">
        <v>3601</v>
      </c>
      <c r="F23" s="17"/>
      <c r="G23" s="21" t="s">
        <v>42</v>
      </c>
      <c r="H23" s="20"/>
      <c r="I23" s="16">
        <v>9955</v>
      </c>
      <c r="J23" s="17">
        <v>4809</v>
      </c>
      <c r="K23" s="17">
        <v>5146</v>
      </c>
    </row>
    <row r="24" spans="1:11" ht="15" customHeight="1">
      <c r="A24" s="20" t="s">
        <v>43</v>
      </c>
      <c r="B24" s="20"/>
      <c r="C24" s="16">
        <v>1390</v>
      </c>
      <c r="D24" s="22">
        <v>709</v>
      </c>
      <c r="E24" s="22">
        <v>681</v>
      </c>
      <c r="F24" s="22"/>
      <c r="G24" s="21" t="s">
        <v>44</v>
      </c>
      <c r="H24" s="20"/>
      <c r="I24" s="16">
        <v>1773</v>
      </c>
      <c r="J24" s="22">
        <v>872</v>
      </c>
      <c r="K24" s="22">
        <v>901</v>
      </c>
    </row>
    <row r="25" spans="1:11" ht="15" customHeight="1">
      <c r="A25" s="20" t="s">
        <v>45</v>
      </c>
      <c r="B25" s="20"/>
      <c r="C25" s="16">
        <v>1413</v>
      </c>
      <c r="D25" s="22">
        <v>715</v>
      </c>
      <c r="E25" s="22">
        <v>698</v>
      </c>
      <c r="F25" s="22"/>
      <c r="G25" s="21" t="s">
        <v>46</v>
      </c>
      <c r="H25" s="20"/>
      <c r="I25" s="16">
        <v>1912</v>
      </c>
      <c r="J25" s="22">
        <v>928</v>
      </c>
      <c r="K25" s="22">
        <v>984</v>
      </c>
    </row>
    <row r="26" spans="1:11" ht="15" customHeight="1">
      <c r="A26" s="20" t="s">
        <v>47</v>
      </c>
      <c r="B26" s="20"/>
      <c r="C26" s="16">
        <v>1350</v>
      </c>
      <c r="D26" s="22">
        <v>667</v>
      </c>
      <c r="E26" s="22">
        <v>683</v>
      </c>
      <c r="F26" s="22"/>
      <c r="G26" s="21" t="s">
        <v>48</v>
      </c>
      <c r="H26" s="20"/>
      <c r="I26" s="16">
        <v>2057</v>
      </c>
      <c r="J26" s="22">
        <v>1008</v>
      </c>
      <c r="K26" s="22">
        <v>1049</v>
      </c>
    </row>
    <row r="27" spans="1:11" ht="15" customHeight="1">
      <c r="A27" s="20" t="s">
        <v>49</v>
      </c>
      <c r="B27" s="20"/>
      <c r="C27" s="16">
        <v>1592</v>
      </c>
      <c r="D27" s="22">
        <v>807</v>
      </c>
      <c r="E27" s="22">
        <v>785</v>
      </c>
      <c r="F27" s="22"/>
      <c r="G27" s="21" t="s">
        <v>50</v>
      </c>
      <c r="H27" s="20"/>
      <c r="I27" s="16">
        <v>2100</v>
      </c>
      <c r="J27" s="22">
        <v>1024</v>
      </c>
      <c r="K27" s="22">
        <v>1076</v>
      </c>
    </row>
    <row r="28" spans="1:11" ht="15" customHeight="1">
      <c r="A28" s="20" t="s">
        <v>51</v>
      </c>
      <c r="B28" s="20"/>
      <c r="C28" s="16">
        <v>1518</v>
      </c>
      <c r="D28" s="22">
        <v>764</v>
      </c>
      <c r="E28" s="22">
        <v>754</v>
      </c>
      <c r="F28" s="22"/>
      <c r="G28" s="21" t="s">
        <v>52</v>
      </c>
      <c r="H28" s="20"/>
      <c r="I28" s="16">
        <v>2113</v>
      </c>
      <c r="J28" s="22">
        <v>977</v>
      </c>
      <c r="K28" s="22">
        <v>1136</v>
      </c>
    </row>
    <row r="29" spans="1:11" ht="20.100000000000001" customHeight="1">
      <c r="A29" s="20" t="s">
        <v>53</v>
      </c>
      <c r="B29" s="20"/>
      <c r="C29" s="16">
        <v>9804</v>
      </c>
      <c r="D29" s="17">
        <v>5711</v>
      </c>
      <c r="E29" s="17">
        <v>4093</v>
      </c>
      <c r="F29" s="17"/>
      <c r="G29" s="21" t="s">
        <v>54</v>
      </c>
      <c r="H29" s="20"/>
      <c r="I29" s="16">
        <v>13860</v>
      </c>
      <c r="J29" s="17">
        <v>6561</v>
      </c>
      <c r="K29" s="17">
        <v>7299</v>
      </c>
    </row>
    <row r="30" spans="1:11" ht="15" customHeight="1">
      <c r="A30" s="20" t="s">
        <v>55</v>
      </c>
      <c r="B30" s="20"/>
      <c r="C30" s="16">
        <v>1705</v>
      </c>
      <c r="D30" s="22">
        <v>943</v>
      </c>
      <c r="E30" s="22">
        <v>762</v>
      </c>
      <c r="F30" s="22"/>
      <c r="G30" s="21" t="s">
        <v>56</v>
      </c>
      <c r="H30" s="20"/>
      <c r="I30" s="16">
        <v>2341</v>
      </c>
      <c r="J30" s="22">
        <v>1119</v>
      </c>
      <c r="K30" s="22">
        <v>1222</v>
      </c>
    </row>
    <row r="31" spans="1:11" ht="15" customHeight="1">
      <c r="A31" s="20" t="s">
        <v>57</v>
      </c>
      <c r="B31" s="20"/>
      <c r="C31" s="16">
        <v>2209</v>
      </c>
      <c r="D31" s="22">
        <v>1270</v>
      </c>
      <c r="E31" s="22">
        <v>939</v>
      </c>
      <c r="F31" s="22"/>
      <c r="G31" s="21" t="s">
        <v>58</v>
      </c>
      <c r="H31" s="20"/>
      <c r="I31" s="16">
        <v>2567</v>
      </c>
      <c r="J31" s="22">
        <v>1220</v>
      </c>
      <c r="K31" s="22">
        <v>1347</v>
      </c>
    </row>
    <row r="32" spans="1:11" ht="15" customHeight="1">
      <c r="A32" s="20" t="s">
        <v>59</v>
      </c>
      <c r="B32" s="20"/>
      <c r="C32" s="16">
        <v>2022</v>
      </c>
      <c r="D32" s="22">
        <v>1200</v>
      </c>
      <c r="E32" s="22">
        <v>822</v>
      </c>
      <c r="F32" s="22"/>
      <c r="G32" s="21" t="s">
        <v>60</v>
      </c>
      <c r="H32" s="20"/>
      <c r="I32" s="16">
        <v>2700</v>
      </c>
      <c r="J32" s="22">
        <v>1280</v>
      </c>
      <c r="K32" s="22">
        <v>1420</v>
      </c>
    </row>
    <row r="33" spans="1:11" ht="15" customHeight="1">
      <c r="A33" s="20" t="s">
        <v>61</v>
      </c>
      <c r="B33" s="20"/>
      <c r="C33" s="16">
        <v>1993</v>
      </c>
      <c r="D33" s="22">
        <v>1172</v>
      </c>
      <c r="E33" s="22">
        <v>821</v>
      </c>
      <c r="F33" s="22"/>
      <c r="G33" s="21" t="s">
        <v>62</v>
      </c>
      <c r="H33" s="20"/>
      <c r="I33" s="16">
        <v>3178</v>
      </c>
      <c r="J33" s="22">
        <v>1476</v>
      </c>
      <c r="K33" s="22">
        <v>1702</v>
      </c>
    </row>
    <row r="34" spans="1:11" ht="15" customHeight="1">
      <c r="A34" s="20" t="s">
        <v>63</v>
      </c>
      <c r="B34" s="20"/>
      <c r="C34" s="16">
        <v>1875</v>
      </c>
      <c r="D34" s="22">
        <v>1126</v>
      </c>
      <c r="E34" s="22">
        <v>749</v>
      </c>
      <c r="F34" s="22"/>
      <c r="G34" s="21" t="s">
        <v>64</v>
      </c>
      <c r="H34" s="20"/>
      <c r="I34" s="16">
        <v>3074</v>
      </c>
      <c r="J34" s="22">
        <v>1466</v>
      </c>
      <c r="K34" s="22">
        <v>1608</v>
      </c>
    </row>
    <row r="35" spans="1:11" ht="20.100000000000001" customHeight="1">
      <c r="A35" s="20" t="s">
        <v>65</v>
      </c>
      <c r="B35" s="20"/>
      <c r="C35" s="16">
        <v>7056</v>
      </c>
      <c r="D35" s="17">
        <v>3806</v>
      </c>
      <c r="E35" s="17">
        <v>3250</v>
      </c>
      <c r="F35" s="17"/>
      <c r="G35" s="21" t="s">
        <v>66</v>
      </c>
      <c r="H35" s="20"/>
      <c r="I35" s="16">
        <v>10662</v>
      </c>
      <c r="J35" s="17">
        <v>5066</v>
      </c>
      <c r="K35" s="17">
        <v>5596</v>
      </c>
    </row>
    <row r="36" spans="1:11" ht="15" customHeight="1">
      <c r="A36" s="20" t="s">
        <v>67</v>
      </c>
      <c r="B36" s="20"/>
      <c r="C36" s="16">
        <v>1602</v>
      </c>
      <c r="D36" s="22">
        <v>885</v>
      </c>
      <c r="E36" s="22">
        <v>717</v>
      </c>
      <c r="F36" s="22"/>
      <c r="G36" s="21" t="s">
        <v>68</v>
      </c>
      <c r="H36" s="20"/>
      <c r="I36" s="16">
        <v>2797</v>
      </c>
      <c r="J36" s="22">
        <v>1341</v>
      </c>
      <c r="K36" s="22">
        <v>1456</v>
      </c>
    </row>
    <row r="37" spans="1:11" ht="15" customHeight="1">
      <c r="A37" s="20" t="s">
        <v>69</v>
      </c>
      <c r="B37" s="20"/>
      <c r="C37" s="16">
        <v>1385</v>
      </c>
      <c r="D37" s="22">
        <v>756</v>
      </c>
      <c r="E37" s="22">
        <v>629</v>
      </c>
      <c r="F37" s="22"/>
      <c r="G37" s="21" t="s">
        <v>70</v>
      </c>
      <c r="H37" s="20"/>
      <c r="I37" s="16">
        <v>1994</v>
      </c>
      <c r="J37" s="22">
        <v>929</v>
      </c>
      <c r="K37" s="22">
        <v>1065</v>
      </c>
    </row>
    <row r="38" spans="1:11" ht="15" customHeight="1">
      <c r="A38" s="20" t="s">
        <v>71</v>
      </c>
      <c r="B38" s="20"/>
      <c r="C38" s="16">
        <v>1327</v>
      </c>
      <c r="D38" s="22">
        <v>708</v>
      </c>
      <c r="E38" s="22">
        <v>619</v>
      </c>
      <c r="F38" s="22"/>
      <c r="G38" s="21" t="s">
        <v>72</v>
      </c>
      <c r="H38" s="20"/>
      <c r="I38" s="16">
        <v>1686</v>
      </c>
      <c r="J38" s="22">
        <v>820</v>
      </c>
      <c r="K38" s="22">
        <v>866</v>
      </c>
    </row>
    <row r="39" spans="1:11" ht="15" customHeight="1">
      <c r="A39" s="20" t="s">
        <v>73</v>
      </c>
      <c r="B39" s="20"/>
      <c r="C39" s="16">
        <v>1421</v>
      </c>
      <c r="D39" s="22">
        <v>770</v>
      </c>
      <c r="E39" s="22">
        <v>651</v>
      </c>
      <c r="F39" s="22"/>
      <c r="G39" s="21" t="s">
        <v>74</v>
      </c>
      <c r="H39" s="20"/>
      <c r="I39" s="16">
        <v>2068</v>
      </c>
      <c r="J39" s="22">
        <v>974</v>
      </c>
      <c r="K39" s="22">
        <v>1094</v>
      </c>
    </row>
    <row r="40" spans="1:11" ht="15" customHeight="1">
      <c r="A40" s="20" t="s">
        <v>75</v>
      </c>
      <c r="B40" s="20"/>
      <c r="C40" s="16">
        <v>1321</v>
      </c>
      <c r="D40" s="22">
        <v>687</v>
      </c>
      <c r="E40" s="22">
        <v>634</v>
      </c>
      <c r="F40" s="22"/>
      <c r="G40" s="21" t="s">
        <v>76</v>
      </c>
      <c r="H40" s="20"/>
      <c r="I40" s="16">
        <v>2117</v>
      </c>
      <c r="J40" s="22">
        <v>1002</v>
      </c>
      <c r="K40" s="22">
        <v>1115</v>
      </c>
    </row>
    <row r="41" spans="1:11" ht="20.100000000000001" customHeight="1">
      <c r="A41" s="20" t="s">
        <v>77</v>
      </c>
      <c r="B41" s="20"/>
      <c r="C41" s="16">
        <v>6692</v>
      </c>
      <c r="D41" s="17">
        <v>3518</v>
      </c>
      <c r="E41" s="17">
        <v>3174</v>
      </c>
      <c r="F41" s="17"/>
      <c r="G41" s="21" t="s">
        <v>78</v>
      </c>
      <c r="H41" s="20"/>
      <c r="I41" s="16">
        <v>7778</v>
      </c>
      <c r="J41" s="17">
        <v>3562</v>
      </c>
      <c r="K41" s="17">
        <v>4216</v>
      </c>
    </row>
    <row r="42" spans="1:11" ht="15" customHeight="1">
      <c r="A42" s="20" t="s">
        <v>79</v>
      </c>
      <c r="B42" s="20"/>
      <c r="C42" s="16">
        <v>1269</v>
      </c>
      <c r="D42" s="22">
        <v>652</v>
      </c>
      <c r="E42" s="22">
        <v>617</v>
      </c>
      <c r="F42" s="22"/>
      <c r="G42" s="21" t="s">
        <v>80</v>
      </c>
      <c r="H42" s="20"/>
      <c r="I42" s="16">
        <v>1937</v>
      </c>
      <c r="J42" s="22">
        <v>897</v>
      </c>
      <c r="K42" s="22">
        <v>1040</v>
      </c>
    </row>
    <row r="43" spans="1:11" ht="15" customHeight="1">
      <c r="A43" s="20" t="s">
        <v>81</v>
      </c>
      <c r="B43" s="20"/>
      <c r="C43" s="16">
        <v>1326</v>
      </c>
      <c r="D43" s="22">
        <v>696</v>
      </c>
      <c r="E43" s="22">
        <v>630</v>
      </c>
      <c r="F43" s="22"/>
      <c r="G43" s="21" t="s">
        <v>82</v>
      </c>
      <c r="H43" s="20"/>
      <c r="I43" s="16">
        <v>1860</v>
      </c>
      <c r="J43" s="22">
        <v>836</v>
      </c>
      <c r="K43" s="22">
        <v>1024</v>
      </c>
    </row>
    <row r="44" spans="1:11" ht="15" customHeight="1">
      <c r="A44" s="20" t="s">
        <v>83</v>
      </c>
      <c r="B44" s="20"/>
      <c r="C44" s="16">
        <v>1315</v>
      </c>
      <c r="D44" s="22">
        <v>704</v>
      </c>
      <c r="E44" s="22">
        <v>611</v>
      </c>
      <c r="F44" s="22"/>
      <c r="G44" s="21" t="s">
        <v>84</v>
      </c>
      <c r="H44" s="20"/>
      <c r="I44" s="16">
        <v>1567</v>
      </c>
      <c r="J44" s="22">
        <v>726</v>
      </c>
      <c r="K44" s="22">
        <v>841</v>
      </c>
    </row>
    <row r="45" spans="1:11" ht="15" customHeight="1">
      <c r="A45" s="20" t="s">
        <v>85</v>
      </c>
      <c r="B45" s="20"/>
      <c r="C45" s="16">
        <v>1320</v>
      </c>
      <c r="D45" s="22">
        <v>712</v>
      </c>
      <c r="E45" s="22">
        <v>608</v>
      </c>
      <c r="F45" s="22"/>
      <c r="G45" s="21" t="s">
        <v>86</v>
      </c>
      <c r="H45" s="20"/>
      <c r="I45" s="16">
        <v>1300</v>
      </c>
      <c r="J45" s="22">
        <v>594</v>
      </c>
      <c r="K45" s="22">
        <v>706</v>
      </c>
    </row>
    <row r="46" spans="1:11" ht="15" customHeight="1">
      <c r="A46" s="20" t="s">
        <v>87</v>
      </c>
      <c r="B46" s="20"/>
      <c r="C46" s="16">
        <v>1462</v>
      </c>
      <c r="D46" s="22">
        <v>754</v>
      </c>
      <c r="E46" s="22">
        <v>708</v>
      </c>
      <c r="F46" s="22"/>
      <c r="G46" s="21" t="s">
        <v>88</v>
      </c>
      <c r="H46" s="20"/>
      <c r="I46" s="16">
        <v>1114</v>
      </c>
      <c r="J46" s="22">
        <v>509</v>
      </c>
      <c r="K46" s="22">
        <v>605</v>
      </c>
    </row>
    <row r="47" spans="1:11" ht="20.100000000000001" customHeight="1">
      <c r="A47" s="20" t="s">
        <v>89</v>
      </c>
      <c r="B47" s="20"/>
      <c r="C47" s="16">
        <v>7931</v>
      </c>
      <c r="D47" s="17">
        <v>4134</v>
      </c>
      <c r="E47" s="17">
        <v>3797</v>
      </c>
      <c r="F47" s="17"/>
      <c r="G47" s="21" t="s">
        <v>90</v>
      </c>
      <c r="H47" s="20"/>
      <c r="I47" s="16">
        <v>4376</v>
      </c>
      <c r="J47" s="17">
        <v>1686</v>
      </c>
      <c r="K47" s="17">
        <v>2690</v>
      </c>
    </row>
    <row r="48" spans="1:11" ht="15" customHeight="1">
      <c r="A48" s="20" t="s">
        <v>91</v>
      </c>
      <c r="B48" s="20"/>
      <c r="C48" s="16">
        <v>1451</v>
      </c>
      <c r="D48" s="22">
        <v>765</v>
      </c>
      <c r="E48" s="22">
        <v>686</v>
      </c>
      <c r="F48" s="22"/>
      <c r="G48" s="21" t="s">
        <v>92</v>
      </c>
      <c r="H48" s="20"/>
      <c r="I48" s="16">
        <v>1174</v>
      </c>
      <c r="J48" s="22">
        <v>471</v>
      </c>
      <c r="K48" s="22">
        <v>703</v>
      </c>
    </row>
    <row r="49" spans="1:11" ht="15" customHeight="1">
      <c r="A49" s="20" t="s">
        <v>93</v>
      </c>
      <c r="B49" s="20"/>
      <c r="C49" s="16">
        <v>1465</v>
      </c>
      <c r="D49" s="22">
        <v>785</v>
      </c>
      <c r="E49" s="22">
        <v>680</v>
      </c>
      <c r="F49" s="22"/>
      <c r="G49" s="21" t="s">
        <v>94</v>
      </c>
      <c r="H49" s="20"/>
      <c r="I49" s="16">
        <v>925</v>
      </c>
      <c r="J49" s="22">
        <v>373</v>
      </c>
      <c r="K49" s="22">
        <v>552</v>
      </c>
    </row>
    <row r="50" spans="1:11" ht="15" customHeight="1">
      <c r="A50" s="20" t="s">
        <v>95</v>
      </c>
      <c r="B50" s="20"/>
      <c r="C50" s="16">
        <v>1575</v>
      </c>
      <c r="D50" s="22">
        <v>832</v>
      </c>
      <c r="E50" s="22">
        <v>743</v>
      </c>
      <c r="F50" s="22"/>
      <c r="G50" s="21" t="s">
        <v>96</v>
      </c>
      <c r="H50" s="20"/>
      <c r="I50" s="16">
        <v>894</v>
      </c>
      <c r="J50" s="22">
        <v>348</v>
      </c>
      <c r="K50" s="22">
        <v>546</v>
      </c>
    </row>
    <row r="51" spans="1:11" ht="15" customHeight="1">
      <c r="A51" s="20" t="s">
        <v>97</v>
      </c>
      <c r="B51" s="20"/>
      <c r="C51" s="16">
        <v>1688</v>
      </c>
      <c r="D51" s="22">
        <v>862</v>
      </c>
      <c r="E51" s="22">
        <v>826</v>
      </c>
      <c r="F51" s="22"/>
      <c r="G51" s="21" t="s">
        <v>98</v>
      </c>
      <c r="H51" s="20"/>
      <c r="I51" s="16">
        <v>773</v>
      </c>
      <c r="J51" s="22">
        <v>286</v>
      </c>
      <c r="K51" s="22">
        <v>487</v>
      </c>
    </row>
    <row r="52" spans="1:11" ht="15" customHeight="1">
      <c r="A52" s="20" t="s">
        <v>99</v>
      </c>
      <c r="B52" s="20"/>
      <c r="C52" s="16">
        <v>1752</v>
      </c>
      <c r="D52" s="22">
        <v>890</v>
      </c>
      <c r="E52" s="22">
        <v>862</v>
      </c>
      <c r="F52" s="22"/>
      <c r="G52" s="21" t="s">
        <v>100</v>
      </c>
      <c r="H52" s="20"/>
      <c r="I52" s="16">
        <v>610</v>
      </c>
      <c r="J52" s="22">
        <v>208</v>
      </c>
      <c r="K52" s="22">
        <v>402</v>
      </c>
    </row>
    <row r="53" spans="1:11" ht="20.100000000000001" customHeight="1">
      <c r="A53" s="20" t="s">
        <v>101</v>
      </c>
      <c r="B53" s="20"/>
      <c r="C53" s="16">
        <v>9825</v>
      </c>
      <c r="D53" s="17">
        <v>5107</v>
      </c>
      <c r="E53" s="17">
        <v>4718</v>
      </c>
      <c r="F53" s="17"/>
      <c r="G53" s="21" t="s">
        <v>102</v>
      </c>
      <c r="H53" s="20"/>
      <c r="I53" s="16">
        <v>2137</v>
      </c>
      <c r="J53" s="17">
        <v>664</v>
      </c>
      <c r="K53" s="17">
        <v>1473</v>
      </c>
    </row>
    <row r="54" spans="1:11" ht="15" customHeight="1">
      <c r="A54" s="20" t="s">
        <v>103</v>
      </c>
      <c r="B54" s="20"/>
      <c r="C54" s="16">
        <v>1783</v>
      </c>
      <c r="D54" s="22">
        <v>932</v>
      </c>
      <c r="E54" s="22">
        <v>851</v>
      </c>
      <c r="F54" s="22"/>
      <c r="G54" s="21" t="s">
        <v>104</v>
      </c>
      <c r="H54" s="20"/>
      <c r="I54" s="16">
        <v>606</v>
      </c>
      <c r="J54" s="22">
        <v>213</v>
      </c>
      <c r="K54" s="22">
        <v>393</v>
      </c>
    </row>
    <row r="55" spans="1:11" ht="15" customHeight="1">
      <c r="A55" s="20" t="s">
        <v>105</v>
      </c>
      <c r="B55" s="20"/>
      <c r="C55" s="16">
        <v>2012</v>
      </c>
      <c r="D55" s="22">
        <v>1045</v>
      </c>
      <c r="E55" s="22">
        <v>967</v>
      </c>
      <c r="F55" s="22"/>
      <c r="G55" s="21" t="s">
        <v>106</v>
      </c>
      <c r="H55" s="20"/>
      <c r="I55" s="16">
        <v>483</v>
      </c>
      <c r="J55" s="22">
        <v>154</v>
      </c>
      <c r="K55" s="22">
        <v>329</v>
      </c>
    </row>
    <row r="56" spans="1:11" ht="15" customHeight="1">
      <c r="A56" s="20" t="s">
        <v>107</v>
      </c>
      <c r="B56" s="20"/>
      <c r="C56" s="16">
        <v>1852</v>
      </c>
      <c r="D56" s="22">
        <v>1001</v>
      </c>
      <c r="E56" s="22">
        <v>851</v>
      </c>
      <c r="F56" s="22"/>
      <c r="G56" s="21" t="s">
        <v>108</v>
      </c>
      <c r="H56" s="20"/>
      <c r="I56" s="16">
        <v>426</v>
      </c>
      <c r="J56" s="22">
        <v>141</v>
      </c>
      <c r="K56" s="22">
        <v>285</v>
      </c>
    </row>
    <row r="57" spans="1:11" ht="15" customHeight="1">
      <c r="A57" s="20" t="s">
        <v>109</v>
      </c>
      <c r="B57" s="20"/>
      <c r="C57" s="16">
        <v>2055</v>
      </c>
      <c r="D57" s="22">
        <v>1063</v>
      </c>
      <c r="E57" s="22">
        <v>992</v>
      </c>
      <c r="F57" s="22"/>
      <c r="G57" s="21" t="s">
        <v>110</v>
      </c>
      <c r="H57" s="20"/>
      <c r="I57" s="16">
        <v>330</v>
      </c>
      <c r="J57" s="22">
        <v>91</v>
      </c>
      <c r="K57" s="22">
        <v>239</v>
      </c>
    </row>
    <row r="58" spans="1:11" ht="15" customHeight="1">
      <c r="A58" s="20" t="s">
        <v>111</v>
      </c>
      <c r="B58" s="20"/>
      <c r="C58" s="16">
        <v>2123</v>
      </c>
      <c r="D58" s="22">
        <v>1066</v>
      </c>
      <c r="E58" s="22">
        <v>1057</v>
      </c>
      <c r="F58" s="22"/>
      <c r="G58" s="21" t="s">
        <v>112</v>
      </c>
      <c r="H58" s="20"/>
      <c r="I58" s="16">
        <v>292</v>
      </c>
      <c r="J58" s="22">
        <v>65</v>
      </c>
      <c r="K58" s="22">
        <v>227</v>
      </c>
    </row>
    <row r="59" spans="1:11" ht="20.100000000000001" customHeight="1">
      <c r="A59" s="20" t="s">
        <v>113</v>
      </c>
      <c r="B59" s="20"/>
      <c r="C59" s="16">
        <v>11906</v>
      </c>
      <c r="D59" s="17">
        <v>6169</v>
      </c>
      <c r="E59" s="17">
        <v>5737</v>
      </c>
      <c r="F59" s="17"/>
      <c r="G59" s="21" t="s">
        <v>114</v>
      </c>
      <c r="H59" s="20"/>
      <c r="I59" s="16">
        <v>574</v>
      </c>
      <c r="J59" s="17">
        <v>122</v>
      </c>
      <c r="K59" s="17">
        <v>452</v>
      </c>
    </row>
    <row r="60" spans="1:11" ht="15" customHeight="1">
      <c r="A60" s="20" t="s">
        <v>115</v>
      </c>
      <c r="B60" s="20"/>
      <c r="C60" s="16">
        <v>2155</v>
      </c>
      <c r="D60" s="22">
        <v>1155</v>
      </c>
      <c r="E60" s="22">
        <v>1000</v>
      </c>
      <c r="F60" s="22"/>
      <c r="G60" s="21" t="s">
        <v>116</v>
      </c>
      <c r="H60" s="20"/>
      <c r="I60" s="16">
        <v>156</v>
      </c>
      <c r="J60" s="22">
        <v>22</v>
      </c>
      <c r="K60" s="22">
        <v>134</v>
      </c>
    </row>
    <row r="61" spans="1:11" ht="15" customHeight="1">
      <c r="A61" s="20" t="s">
        <v>117</v>
      </c>
      <c r="B61" s="20"/>
      <c r="C61" s="16">
        <v>2242</v>
      </c>
      <c r="D61" s="22">
        <v>1163</v>
      </c>
      <c r="E61" s="22">
        <v>1079</v>
      </c>
      <c r="F61" s="22"/>
      <c r="G61" s="21" t="s">
        <v>118</v>
      </c>
      <c r="H61" s="20"/>
      <c r="I61" s="16">
        <v>165</v>
      </c>
      <c r="J61" s="22">
        <v>42</v>
      </c>
      <c r="K61" s="22">
        <v>123</v>
      </c>
    </row>
    <row r="62" spans="1:11" ht="15" customHeight="1">
      <c r="A62" s="20" t="s">
        <v>119</v>
      </c>
      <c r="B62" s="20"/>
      <c r="C62" s="16">
        <v>2306</v>
      </c>
      <c r="D62" s="22">
        <v>1195</v>
      </c>
      <c r="E62" s="22">
        <v>1111</v>
      </c>
      <c r="F62" s="22"/>
      <c r="G62" s="21" t="s">
        <v>120</v>
      </c>
      <c r="H62" s="20"/>
      <c r="I62" s="16">
        <v>129</v>
      </c>
      <c r="J62" s="22">
        <v>26</v>
      </c>
      <c r="K62" s="22">
        <v>103</v>
      </c>
    </row>
    <row r="63" spans="1:11" ht="15" customHeight="1">
      <c r="A63" s="20" t="s">
        <v>121</v>
      </c>
      <c r="B63" s="20"/>
      <c r="C63" s="16">
        <v>2541</v>
      </c>
      <c r="D63" s="22">
        <v>1316</v>
      </c>
      <c r="E63" s="22">
        <v>1225</v>
      </c>
      <c r="F63" s="22"/>
      <c r="G63" s="21" t="s">
        <v>122</v>
      </c>
      <c r="H63" s="20"/>
      <c r="I63" s="16">
        <v>71</v>
      </c>
      <c r="J63" s="22">
        <v>17</v>
      </c>
      <c r="K63" s="22">
        <v>54</v>
      </c>
    </row>
    <row r="64" spans="1:11" ht="15" customHeight="1">
      <c r="A64" s="20" t="s">
        <v>123</v>
      </c>
      <c r="B64" s="20"/>
      <c r="C64" s="16">
        <v>2662</v>
      </c>
      <c r="D64" s="22">
        <v>1340</v>
      </c>
      <c r="E64" s="22">
        <v>1322</v>
      </c>
      <c r="F64" s="22"/>
      <c r="G64" s="21" t="s">
        <v>124</v>
      </c>
      <c r="H64" s="20"/>
      <c r="I64" s="16">
        <v>53</v>
      </c>
      <c r="J64" s="22">
        <v>15</v>
      </c>
      <c r="K64" s="22">
        <v>38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01</v>
      </c>
      <c r="J65" s="22">
        <v>12</v>
      </c>
      <c r="K65" s="22">
        <v>89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2899</v>
      </c>
      <c r="J66" s="32">
        <v>1814</v>
      </c>
      <c r="K66" s="32">
        <v>1085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5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45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01228</v>
      </c>
      <c r="D4" s="17">
        <v>51160</v>
      </c>
      <c r="E4" s="17">
        <v>50068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3322</v>
      </c>
      <c r="D5" s="17">
        <v>1697</v>
      </c>
      <c r="E5" s="17">
        <v>1625</v>
      </c>
      <c r="F5" s="17"/>
      <c r="G5" s="21" t="s">
        <v>6</v>
      </c>
      <c r="H5" s="20"/>
      <c r="I5" s="16">
        <v>8130</v>
      </c>
      <c r="J5" s="17">
        <v>4265</v>
      </c>
      <c r="K5" s="17">
        <v>3865</v>
      </c>
    </row>
    <row r="6" spans="1:11" ht="15" customHeight="1">
      <c r="A6" s="20" t="s">
        <v>7</v>
      </c>
      <c r="B6" s="20"/>
      <c r="C6" s="16">
        <v>638</v>
      </c>
      <c r="D6" s="22">
        <v>312</v>
      </c>
      <c r="E6" s="22">
        <v>326</v>
      </c>
      <c r="F6" s="22"/>
      <c r="G6" s="21" t="s">
        <v>8</v>
      </c>
      <c r="H6" s="20"/>
      <c r="I6" s="16">
        <v>1728</v>
      </c>
      <c r="J6" s="22">
        <v>911</v>
      </c>
      <c r="K6" s="22">
        <v>817</v>
      </c>
    </row>
    <row r="7" spans="1:11" ht="15" customHeight="1">
      <c r="A7" s="20" t="s">
        <v>9</v>
      </c>
      <c r="B7" s="20"/>
      <c r="C7" s="16">
        <v>606</v>
      </c>
      <c r="D7" s="22">
        <v>311</v>
      </c>
      <c r="E7" s="22">
        <v>295</v>
      </c>
      <c r="F7" s="22"/>
      <c r="G7" s="21" t="s">
        <v>10</v>
      </c>
      <c r="H7" s="20"/>
      <c r="I7" s="16">
        <v>1647</v>
      </c>
      <c r="J7" s="22">
        <v>855</v>
      </c>
      <c r="K7" s="22">
        <v>792</v>
      </c>
    </row>
    <row r="8" spans="1:11" ht="15" customHeight="1">
      <c r="A8" s="20" t="s">
        <v>11</v>
      </c>
      <c r="B8" s="20"/>
      <c r="C8" s="16">
        <v>699</v>
      </c>
      <c r="D8" s="22">
        <v>362</v>
      </c>
      <c r="E8" s="22">
        <v>337</v>
      </c>
      <c r="F8" s="22"/>
      <c r="G8" s="21" t="s">
        <v>12</v>
      </c>
      <c r="H8" s="20"/>
      <c r="I8" s="16">
        <v>1624</v>
      </c>
      <c r="J8" s="22">
        <v>811</v>
      </c>
      <c r="K8" s="22">
        <v>813</v>
      </c>
    </row>
    <row r="9" spans="1:11" ht="15" customHeight="1">
      <c r="A9" s="20" t="s">
        <v>13</v>
      </c>
      <c r="B9" s="20"/>
      <c r="C9" s="16">
        <v>677</v>
      </c>
      <c r="D9" s="22">
        <v>355</v>
      </c>
      <c r="E9" s="22">
        <v>322</v>
      </c>
      <c r="F9" s="22"/>
      <c r="G9" s="21" t="s">
        <v>14</v>
      </c>
      <c r="H9" s="20"/>
      <c r="I9" s="16">
        <v>1566</v>
      </c>
      <c r="J9" s="22">
        <v>842</v>
      </c>
      <c r="K9" s="22">
        <v>724</v>
      </c>
    </row>
    <row r="10" spans="1:11" ht="15" customHeight="1">
      <c r="A10" s="20" t="s">
        <v>15</v>
      </c>
      <c r="B10" s="20"/>
      <c r="C10" s="16">
        <v>702</v>
      </c>
      <c r="D10" s="22">
        <v>357</v>
      </c>
      <c r="E10" s="22">
        <v>345</v>
      </c>
      <c r="F10" s="22"/>
      <c r="G10" s="21" t="s">
        <v>16</v>
      </c>
      <c r="H10" s="20"/>
      <c r="I10" s="16">
        <v>1565</v>
      </c>
      <c r="J10" s="22">
        <v>846</v>
      </c>
      <c r="K10" s="22">
        <v>719</v>
      </c>
    </row>
    <row r="11" spans="1:11" ht="20.100000000000001" customHeight="1">
      <c r="A11" s="20" t="s">
        <v>17</v>
      </c>
      <c r="B11" s="20"/>
      <c r="C11" s="16">
        <v>3774</v>
      </c>
      <c r="D11" s="17">
        <v>1913</v>
      </c>
      <c r="E11" s="17">
        <v>1861</v>
      </c>
      <c r="F11" s="17"/>
      <c r="G11" s="21" t="s">
        <v>18</v>
      </c>
      <c r="H11" s="20"/>
      <c r="I11" s="16">
        <v>6723</v>
      </c>
      <c r="J11" s="17">
        <v>3528</v>
      </c>
      <c r="K11" s="17">
        <v>3195</v>
      </c>
    </row>
    <row r="12" spans="1:11" ht="15" customHeight="1">
      <c r="A12" s="20" t="s">
        <v>19</v>
      </c>
      <c r="B12" s="20"/>
      <c r="C12" s="16">
        <v>699</v>
      </c>
      <c r="D12" s="22">
        <v>348</v>
      </c>
      <c r="E12" s="22">
        <v>351</v>
      </c>
      <c r="F12" s="22"/>
      <c r="G12" s="21" t="s">
        <v>20</v>
      </c>
      <c r="H12" s="20"/>
      <c r="I12" s="16">
        <v>1640</v>
      </c>
      <c r="J12" s="22">
        <v>862</v>
      </c>
      <c r="K12" s="22">
        <v>778</v>
      </c>
    </row>
    <row r="13" spans="1:11" ht="15" customHeight="1">
      <c r="A13" s="20" t="s">
        <v>21</v>
      </c>
      <c r="B13" s="20"/>
      <c r="C13" s="16">
        <v>740</v>
      </c>
      <c r="D13" s="22">
        <v>388</v>
      </c>
      <c r="E13" s="22">
        <v>352</v>
      </c>
      <c r="F13" s="22"/>
      <c r="G13" s="21" t="s">
        <v>22</v>
      </c>
      <c r="H13" s="20"/>
      <c r="I13" s="16">
        <v>1136</v>
      </c>
      <c r="J13" s="22">
        <v>604</v>
      </c>
      <c r="K13" s="22">
        <v>532</v>
      </c>
    </row>
    <row r="14" spans="1:11" ht="15" customHeight="1">
      <c r="A14" s="20" t="s">
        <v>23</v>
      </c>
      <c r="B14" s="20"/>
      <c r="C14" s="16">
        <v>758</v>
      </c>
      <c r="D14" s="22">
        <v>386</v>
      </c>
      <c r="E14" s="22">
        <v>372</v>
      </c>
      <c r="F14" s="22"/>
      <c r="G14" s="21" t="s">
        <v>24</v>
      </c>
      <c r="H14" s="20"/>
      <c r="I14" s="16">
        <v>1415</v>
      </c>
      <c r="J14" s="22">
        <v>753</v>
      </c>
      <c r="K14" s="22">
        <v>662</v>
      </c>
    </row>
    <row r="15" spans="1:11" ht="15" customHeight="1">
      <c r="A15" s="20" t="s">
        <v>25</v>
      </c>
      <c r="B15" s="20"/>
      <c r="C15" s="16">
        <v>783</v>
      </c>
      <c r="D15" s="22">
        <v>396</v>
      </c>
      <c r="E15" s="22">
        <v>387</v>
      </c>
      <c r="F15" s="22"/>
      <c r="G15" s="21" t="s">
        <v>26</v>
      </c>
      <c r="H15" s="20"/>
      <c r="I15" s="16">
        <v>1313</v>
      </c>
      <c r="J15" s="22">
        <v>682</v>
      </c>
      <c r="K15" s="22">
        <v>631</v>
      </c>
    </row>
    <row r="16" spans="1:11" ht="15" customHeight="1">
      <c r="A16" s="20" t="s">
        <v>27</v>
      </c>
      <c r="B16" s="20"/>
      <c r="C16" s="16">
        <v>794</v>
      </c>
      <c r="D16" s="22">
        <v>395</v>
      </c>
      <c r="E16" s="22">
        <v>399</v>
      </c>
      <c r="F16" s="22"/>
      <c r="G16" s="21" t="s">
        <v>28</v>
      </c>
      <c r="H16" s="20"/>
      <c r="I16" s="16">
        <v>1219</v>
      </c>
      <c r="J16" s="22">
        <v>627</v>
      </c>
      <c r="K16" s="22">
        <v>592</v>
      </c>
    </row>
    <row r="17" spans="1:11" ht="20.100000000000001" customHeight="1">
      <c r="A17" s="24" t="s">
        <v>29</v>
      </c>
      <c r="B17" s="24"/>
      <c r="C17" s="16">
        <v>4041</v>
      </c>
      <c r="D17" s="17">
        <v>2011</v>
      </c>
      <c r="E17" s="17">
        <v>2030</v>
      </c>
      <c r="F17" s="17"/>
      <c r="G17" s="21" t="s">
        <v>30</v>
      </c>
      <c r="H17" s="20"/>
      <c r="I17" s="16">
        <v>5577</v>
      </c>
      <c r="J17" s="17">
        <v>2858</v>
      </c>
      <c r="K17" s="17">
        <v>2719</v>
      </c>
    </row>
    <row r="18" spans="1:11" ht="15" customHeight="1">
      <c r="A18" s="20" t="s">
        <v>31</v>
      </c>
      <c r="B18" s="20"/>
      <c r="C18" s="16">
        <v>821</v>
      </c>
      <c r="D18" s="22">
        <v>419</v>
      </c>
      <c r="E18" s="22">
        <v>402</v>
      </c>
      <c r="F18" s="22"/>
      <c r="G18" s="21" t="s">
        <v>32</v>
      </c>
      <c r="H18" s="20"/>
      <c r="I18" s="16">
        <v>1169</v>
      </c>
      <c r="J18" s="22">
        <v>606</v>
      </c>
      <c r="K18" s="22">
        <v>563</v>
      </c>
    </row>
    <row r="19" spans="1:11" ht="15" customHeight="1">
      <c r="A19" s="20" t="s">
        <v>33</v>
      </c>
      <c r="B19" s="20"/>
      <c r="C19" s="16">
        <v>801</v>
      </c>
      <c r="D19" s="22">
        <v>397</v>
      </c>
      <c r="E19" s="22">
        <v>404</v>
      </c>
      <c r="F19" s="22"/>
      <c r="G19" s="21" t="s">
        <v>34</v>
      </c>
      <c r="H19" s="20"/>
      <c r="I19" s="16">
        <v>1214</v>
      </c>
      <c r="J19" s="22">
        <v>645</v>
      </c>
      <c r="K19" s="22">
        <v>569</v>
      </c>
    </row>
    <row r="20" spans="1:11" ht="15" customHeight="1">
      <c r="A20" s="20" t="s">
        <v>35</v>
      </c>
      <c r="B20" s="20"/>
      <c r="C20" s="16">
        <v>775</v>
      </c>
      <c r="D20" s="22">
        <v>399</v>
      </c>
      <c r="E20" s="22">
        <v>376</v>
      </c>
      <c r="F20" s="22"/>
      <c r="G20" s="21" t="s">
        <v>36</v>
      </c>
      <c r="H20" s="20"/>
      <c r="I20" s="16">
        <v>1079</v>
      </c>
      <c r="J20" s="22">
        <v>529</v>
      </c>
      <c r="K20" s="22">
        <v>550</v>
      </c>
    </row>
    <row r="21" spans="1:11" ht="15" customHeight="1">
      <c r="A21" s="20" t="s">
        <v>37</v>
      </c>
      <c r="B21" s="20"/>
      <c r="C21" s="16">
        <v>793</v>
      </c>
      <c r="D21" s="22">
        <v>389</v>
      </c>
      <c r="E21" s="22">
        <v>404</v>
      </c>
      <c r="F21" s="22"/>
      <c r="G21" s="21" t="s">
        <v>38</v>
      </c>
      <c r="H21" s="20"/>
      <c r="I21" s="16">
        <v>1052</v>
      </c>
      <c r="J21" s="22">
        <v>567</v>
      </c>
      <c r="K21" s="22">
        <v>485</v>
      </c>
    </row>
    <row r="22" spans="1:11" ht="15" customHeight="1">
      <c r="A22" s="20" t="s">
        <v>39</v>
      </c>
      <c r="B22" s="20"/>
      <c r="C22" s="16">
        <v>851</v>
      </c>
      <c r="D22" s="22">
        <v>407</v>
      </c>
      <c r="E22" s="22">
        <v>444</v>
      </c>
      <c r="F22" s="22"/>
      <c r="G22" s="21" t="s">
        <v>40</v>
      </c>
      <c r="H22" s="20"/>
      <c r="I22" s="16">
        <v>1063</v>
      </c>
      <c r="J22" s="22">
        <v>511</v>
      </c>
      <c r="K22" s="22">
        <v>552</v>
      </c>
    </row>
    <row r="23" spans="1:11" ht="20.100000000000001" customHeight="1">
      <c r="A23" s="20" t="s">
        <v>41</v>
      </c>
      <c r="B23" s="20"/>
      <c r="C23" s="16">
        <v>4408</v>
      </c>
      <c r="D23" s="17">
        <v>2296</v>
      </c>
      <c r="E23" s="17">
        <v>2112</v>
      </c>
      <c r="F23" s="17"/>
      <c r="G23" s="21" t="s">
        <v>42</v>
      </c>
      <c r="H23" s="20"/>
      <c r="I23" s="16">
        <v>5302</v>
      </c>
      <c r="J23" s="17">
        <v>2667</v>
      </c>
      <c r="K23" s="17">
        <v>2635</v>
      </c>
    </row>
    <row r="24" spans="1:11" ht="15" customHeight="1">
      <c r="A24" s="20" t="s">
        <v>43</v>
      </c>
      <c r="B24" s="20"/>
      <c r="C24" s="16">
        <v>845</v>
      </c>
      <c r="D24" s="22">
        <v>416</v>
      </c>
      <c r="E24" s="22">
        <v>429</v>
      </c>
      <c r="F24" s="22"/>
      <c r="G24" s="21" t="s">
        <v>44</v>
      </c>
      <c r="H24" s="20"/>
      <c r="I24" s="16">
        <v>978</v>
      </c>
      <c r="J24" s="22">
        <v>497</v>
      </c>
      <c r="K24" s="22">
        <v>481</v>
      </c>
    </row>
    <row r="25" spans="1:11" ht="15" customHeight="1">
      <c r="A25" s="20" t="s">
        <v>45</v>
      </c>
      <c r="B25" s="20"/>
      <c r="C25" s="16">
        <v>864</v>
      </c>
      <c r="D25" s="22">
        <v>464</v>
      </c>
      <c r="E25" s="22">
        <v>400</v>
      </c>
      <c r="F25" s="22"/>
      <c r="G25" s="21" t="s">
        <v>46</v>
      </c>
      <c r="H25" s="20"/>
      <c r="I25" s="16">
        <v>989</v>
      </c>
      <c r="J25" s="22">
        <v>512</v>
      </c>
      <c r="K25" s="22">
        <v>477</v>
      </c>
    </row>
    <row r="26" spans="1:11" ht="15" customHeight="1">
      <c r="A26" s="20" t="s">
        <v>47</v>
      </c>
      <c r="B26" s="20"/>
      <c r="C26" s="16">
        <v>840</v>
      </c>
      <c r="D26" s="22">
        <v>434</v>
      </c>
      <c r="E26" s="22">
        <v>406</v>
      </c>
      <c r="F26" s="22"/>
      <c r="G26" s="21" t="s">
        <v>48</v>
      </c>
      <c r="H26" s="20"/>
      <c r="I26" s="16">
        <v>1125</v>
      </c>
      <c r="J26" s="22">
        <v>579</v>
      </c>
      <c r="K26" s="22">
        <v>546</v>
      </c>
    </row>
    <row r="27" spans="1:11" ht="15" customHeight="1">
      <c r="A27" s="20" t="s">
        <v>49</v>
      </c>
      <c r="B27" s="20"/>
      <c r="C27" s="16">
        <v>906</v>
      </c>
      <c r="D27" s="22">
        <v>470</v>
      </c>
      <c r="E27" s="22">
        <v>436</v>
      </c>
      <c r="F27" s="22"/>
      <c r="G27" s="21" t="s">
        <v>50</v>
      </c>
      <c r="H27" s="20"/>
      <c r="I27" s="16">
        <v>1102</v>
      </c>
      <c r="J27" s="22">
        <v>545</v>
      </c>
      <c r="K27" s="22">
        <v>557</v>
      </c>
    </row>
    <row r="28" spans="1:11" ht="15" customHeight="1">
      <c r="A28" s="20" t="s">
        <v>51</v>
      </c>
      <c r="B28" s="20"/>
      <c r="C28" s="16">
        <v>953</v>
      </c>
      <c r="D28" s="22">
        <v>512</v>
      </c>
      <c r="E28" s="22">
        <v>441</v>
      </c>
      <c r="F28" s="22"/>
      <c r="G28" s="21" t="s">
        <v>52</v>
      </c>
      <c r="H28" s="20"/>
      <c r="I28" s="16">
        <v>1108</v>
      </c>
      <c r="J28" s="22">
        <v>534</v>
      </c>
      <c r="K28" s="22">
        <v>574</v>
      </c>
    </row>
    <row r="29" spans="1:11" ht="20.100000000000001" customHeight="1">
      <c r="A29" s="20" t="s">
        <v>53</v>
      </c>
      <c r="B29" s="20"/>
      <c r="C29" s="16">
        <v>5852</v>
      </c>
      <c r="D29" s="17">
        <v>3106</v>
      </c>
      <c r="E29" s="17">
        <v>2746</v>
      </c>
      <c r="F29" s="17"/>
      <c r="G29" s="21" t="s">
        <v>54</v>
      </c>
      <c r="H29" s="20"/>
      <c r="I29" s="16">
        <v>6877</v>
      </c>
      <c r="J29" s="17">
        <v>3291</v>
      </c>
      <c r="K29" s="17">
        <v>3586</v>
      </c>
    </row>
    <row r="30" spans="1:11" ht="15" customHeight="1">
      <c r="A30" s="20" t="s">
        <v>55</v>
      </c>
      <c r="B30" s="20"/>
      <c r="C30" s="16">
        <v>1046</v>
      </c>
      <c r="D30" s="22">
        <v>553</v>
      </c>
      <c r="E30" s="22">
        <v>493</v>
      </c>
      <c r="F30" s="22"/>
      <c r="G30" s="21" t="s">
        <v>56</v>
      </c>
      <c r="H30" s="20"/>
      <c r="I30" s="16">
        <v>1176</v>
      </c>
      <c r="J30" s="22">
        <v>582</v>
      </c>
      <c r="K30" s="22">
        <v>594</v>
      </c>
    </row>
    <row r="31" spans="1:11" ht="15" customHeight="1">
      <c r="A31" s="20" t="s">
        <v>57</v>
      </c>
      <c r="B31" s="20"/>
      <c r="C31" s="16">
        <v>1173</v>
      </c>
      <c r="D31" s="22">
        <v>606</v>
      </c>
      <c r="E31" s="22">
        <v>567</v>
      </c>
      <c r="F31" s="22"/>
      <c r="G31" s="21" t="s">
        <v>58</v>
      </c>
      <c r="H31" s="20"/>
      <c r="I31" s="16">
        <v>1306</v>
      </c>
      <c r="J31" s="22">
        <v>617</v>
      </c>
      <c r="K31" s="22">
        <v>689</v>
      </c>
    </row>
    <row r="32" spans="1:11" ht="15" customHeight="1">
      <c r="A32" s="20" t="s">
        <v>59</v>
      </c>
      <c r="B32" s="20"/>
      <c r="C32" s="16">
        <v>1222</v>
      </c>
      <c r="D32" s="22">
        <v>658</v>
      </c>
      <c r="E32" s="22">
        <v>564</v>
      </c>
      <c r="F32" s="22"/>
      <c r="G32" s="21" t="s">
        <v>60</v>
      </c>
      <c r="H32" s="20"/>
      <c r="I32" s="16">
        <v>1369</v>
      </c>
      <c r="J32" s="22">
        <v>643</v>
      </c>
      <c r="K32" s="22">
        <v>726</v>
      </c>
    </row>
    <row r="33" spans="1:11" ht="15" customHeight="1">
      <c r="A33" s="20" t="s">
        <v>61</v>
      </c>
      <c r="B33" s="20"/>
      <c r="C33" s="16">
        <v>1204</v>
      </c>
      <c r="D33" s="22">
        <v>644</v>
      </c>
      <c r="E33" s="22">
        <v>560</v>
      </c>
      <c r="F33" s="22"/>
      <c r="G33" s="21" t="s">
        <v>62</v>
      </c>
      <c r="H33" s="20"/>
      <c r="I33" s="16">
        <v>1526</v>
      </c>
      <c r="J33" s="22">
        <v>710</v>
      </c>
      <c r="K33" s="22">
        <v>816</v>
      </c>
    </row>
    <row r="34" spans="1:11" ht="15" customHeight="1">
      <c r="A34" s="20" t="s">
        <v>63</v>
      </c>
      <c r="B34" s="20"/>
      <c r="C34" s="16">
        <v>1207</v>
      </c>
      <c r="D34" s="22">
        <v>645</v>
      </c>
      <c r="E34" s="22">
        <v>562</v>
      </c>
      <c r="F34" s="22"/>
      <c r="G34" s="21" t="s">
        <v>64</v>
      </c>
      <c r="H34" s="20"/>
      <c r="I34" s="16">
        <v>1500</v>
      </c>
      <c r="J34" s="22">
        <v>739</v>
      </c>
      <c r="K34" s="22">
        <v>761</v>
      </c>
    </row>
    <row r="35" spans="1:11" ht="20.100000000000001" customHeight="1">
      <c r="A35" s="20" t="s">
        <v>65</v>
      </c>
      <c r="B35" s="20"/>
      <c r="C35" s="16">
        <v>5808</v>
      </c>
      <c r="D35" s="17">
        <v>3231</v>
      </c>
      <c r="E35" s="17">
        <v>2577</v>
      </c>
      <c r="F35" s="17"/>
      <c r="G35" s="21" t="s">
        <v>66</v>
      </c>
      <c r="H35" s="20"/>
      <c r="I35" s="16">
        <v>5776</v>
      </c>
      <c r="J35" s="17">
        <v>2636</v>
      </c>
      <c r="K35" s="17">
        <v>3140</v>
      </c>
    </row>
    <row r="36" spans="1:11" ht="15" customHeight="1">
      <c r="A36" s="20" t="s">
        <v>67</v>
      </c>
      <c r="B36" s="20"/>
      <c r="C36" s="16">
        <v>1202</v>
      </c>
      <c r="D36" s="22">
        <v>664</v>
      </c>
      <c r="E36" s="22">
        <v>538</v>
      </c>
      <c r="F36" s="22"/>
      <c r="G36" s="21" t="s">
        <v>68</v>
      </c>
      <c r="H36" s="20"/>
      <c r="I36" s="16">
        <v>1453</v>
      </c>
      <c r="J36" s="22">
        <v>667</v>
      </c>
      <c r="K36" s="22">
        <v>786</v>
      </c>
    </row>
    <row r="37" spans="1:11" ht="15" customHeight="1">
      <c r="A37" s="20" t="s">
        <v>69</v>
      </c>
      <c r="B37" s="20"/>
      <c r="C37" s="16">
        <v>1176</v>
      </c>
      <c r="D37" s="22">
        <v>668</v>
      </c>
      <c r="E37" s="22">
        <v>508</v>
      </c>
      <c r="F37" s="22"/>
      <c r="G37" s="21" t="s">
        <v>70</v>
      </c>
      <c r="H37" s="20"/>
      <c r="I37" s="16">
        <v>1063</v>
      </c>
      <c r="J37" s="22">
        <v>477</v>
      </c>
      <c r="K37" s="22">
        <v>586</v>
      </c>
    </row>
    <row r="38" spans="1:11" ht="15" customHeight="1">
      <c r="A38" s="20" t="s">
        <v>71</v>
      </c>
      <c r="B38" s="20"/>
      <c r="C38" s="16">
        <v>1184</v>
      </c>
      <c r="D38" s="22">
        <v>645</v>
      </c>
      <c r="E38" s="22">
        <v>539</v>
      </c>
      <c r="F38" s="22"/>
      <c r="G38" s="21" t="s">
        <v>72</v>
      </c>
      <c r="H38" s="20"/>
      <c r="I38" s="16">
        <v>924</v>
      </c>
      <c r="J38" s="22">
        <v>433</v>
      </c>
      <c r="K38" s="22">
        <v>491</v>
      </c>
    </row>
    <row r="39" spans="1:11" ht="15" customHeight="1">
      <c r="A39" s="20" t="s">
        <v>73</v>
      </c>
      <c r="B39" s="20"/>
      <c r="C39" s="16">
        <v>1167</v>
      </c>
      <c r="D39" s="22">
        <v>637</v>
      </c>
      <c r="E39" s="22">
        <v>530</v>
      </c>
      <c r="F39" s="22"/>
      <c r="G39" s="21" t="s">
        <v>74</v>
      </c>
      <c r="H39" s="20"/>
      <c r="I39" s="16">
        <v>1115</v>
      </c>
      <c r="J39" s="22">
        <v>521</v>
      </c>
      <c r="K39" s="22">
        <v>594</v>
      </c>
    </row>
    <row r="40" spans="1:11" ht="15" customHeight="1">
      <c r="A40" s="20" t="s">
        <v>75</v>
      </c>
      <c r="B40" s="20"/>
      <c r="C40" s="16">
        <v>1079</v>
      </c>
      <c r="D40" s="22">
        <v>617</v>
      </c>
      <c r="E40" s="22">
        <v>462</v>
      </c>
      <c r="F40" s="22"/>
      <c r="G40" s="21" t="s">
        <v>76</v>
      </c>
      <c r="H40" s="20"/>
      <c r="I40" s="16">
        <v>1221</v>
      </c>
      <c r="J40" s="22">
        <v>538</v>
      </c>
      <c r="K40" s="22">
        <v>683</v>
      </c>
    </row>
    <row r="41" spans="1:11" ht="20.100000000000001" customHeight="1">
      <c r="A41" s="20" t="s">
        <v>77</v>
      </c>
      <c r="B41" s="20"/>
      <c r="C41" s="16">
        <v>5382</v>
      </c>
      <c r="D41" s="17">
        <v>2915</v>
      </c>
      <c r="E41" s="17">
        <v>2467</v>
      </c>
      <c r="F41" s="17"/>
      <c r="G41" s="21" t="s">
        <v>78</v>
      </c>
      <c r="H41" s="20"/>
      <c r="I41" s="16">
        <v>4528</v>
      </c>
      <c r="J41" s="17">
        <v>2052</v>
      </c>
      <c r="K41" s="17">
        <v>2476</v>
      </c>
    </row>
    <row r="42" spans="1:11" ht="15" customHeight="1">
      <c r="A42" s="20" t="s">
        <v>79</v>
      </c>
      <c r="B42" s="20"/>
      <c r="C42" s="16">
        <v>1116</v>
      </c>
      <c r="D42" s="22">
        <v>624</v>
      </c>
      <c r="E42" s="22">
        <v>492</v>
      </c>
      <c r="F42" s="22"/>
      <c r="G42" s="21" t="s">
        <v>80</v>
      </c>
      <c r="H42" s="20"/>
      <c r="I42" s="16">
        <v>1124</v>
      </c>
      <c r="J42" s="22">
        <v>501</v>
      </c>
      <c r="K42" s="22">
        <v>623</v>
      </c>
    </row>
    <row r="43" spans="1:11" ht="15" customHeight="1">
      <c r="A43" s="20" t="s">
        <v>81</v>
      </c>
      <c r="B43" s="20"/>
      <c r="C43" s="16">
        <v>1108</v>
      </c>
      <c r="D43" s="22">
        <v>600</v>
      </c>
      <c r="E43" s="22">
        <v>508</v>
      </c>
      <c r="F43" s="22"/>
      <c r="G43" s="21" t="s">
        <v>82</v>
      </c>
      <c r="H43" s="20"/>
      <c r="I43" s="16">
        <v>1062</v>
      </c>
      <c r="J43" s="22">
        <v>499</v>
      </c>
      <c r="K43" s="22">
        <v>563</v>
      </c>
    </row>
    <row r="44" spans="1:11" ht="15" customHeight="1">
      <c r="A44" s="20" t="s">
        <v>83</v>
      </c>
      <c r="B44" s="20"/>
      <c r="C44" s="16">
        <v>1040</v>
      </c>
      <c r="D44" s="22">
        <v>573</v>
      </c>
      <c r="E44" s="22">
        <v>467</v>
      </c>
      <c r="F44" s="22"/>
      <c r="G44" s="21" t="s">
        <v>84</v>
      </c>
      <c r="H44" s="20"/>
      <c r="I44" s="16">
        <v>943</v>
      </c>
      <c r="J44" s="22">
        <v>428</v>
      </c>
      <c r="K44" s="22">
        <v>515</v>
      </c>
    </row>
    <row r="45" spans="1:11" ht="15" customHeight="1">
      <c r="A45" s="20" t="s">
        <v>85</v>
      </c>
      <c r="B45" s="20"/>
      <c r="C45" s="16">
        <v>1040</v>
      </c>
      <c r="D45" s="22">
        <v>533</v>
      </c>
      <c r="E45" s="22">
        <v>507</v>
      </c>
      <c r="F45" s="22"/>
      <c r="G45" s="21" t="s">
        <v>86</v>
      </c>
      <c r="H45" s="20"/>
      <c r="I45" s="16">
        <v>711</v>
      </c>
      <c r="J45" s="22">
        <v>326</v>
      </c>
      <c r="K45" s="22">
        <v>385</v>
      </c>
    </row>
    <row r="46" spans="1:11" ht="15" customHeight="1">
      <c r="A46" s="20" t="s">
        <v>87</v>
      </c>
      <c r="B46" s="20"/>
      <c r="C46" s="16">
        <v>1078</v>
      </c>
      <c r="D46" s="22">
        <v>585</v>
      </c>
      <c r="E46" s="22">
        <v>493</v>
      </c>
      <c r="F46" s="22"/>
      <c r="G46" s="21" t="s">
        <v>88</v>
      </c>
      <c r="H46" s="20"/>
      <c r="I46" s="16">
        <v>688</v>
      </c>
      <c r="J46" s="22">
        <v>298</v>
      </c>
      <c r="K46" s="22">
        <v>390</v>
      </c>
    </row>
    <row r="47" spans="1:11" ht="20.100000000000001" customHeight="1">
      <c r="A47" s="20" t="s">
        <v>89</v>
      </c>
      <c r="B47" s="20"/>
      <c r="C47" s="16">
        <v>5605</v>
      </c>
      <c r="D47" s="17">
        <v>3000</v>
      </c>
      <c r="E47" s="17">
        <v>2605</v>
      </c>
      <c r="F47" s="17"/>
      <c r="G47" s="21" t="s">
        <v>90</v>
      </c>
      <c r="H47" s="20"/>
      <c r="I47" s="16">
        <v>2690</v>
      </c>
      <c r="J47" s="17">
        <v>1084</v>
      </c>
      <c r="K47" s="17">
        <v>1606</v>
      </c>
    </row>
    <row r="48" spans="1:11" ht="15" customHeight="1">
      <c r="A48" s="20" t="s">
        <v>91</v>
      </c>
      <c r="B48" s="20"/>
      <c r="C48" s="16">
        <v>1098</v>
      </c>
      <c r="D48" s="22">
        <v>579</v>
      </c>
      <c r="E48" s="22">
        <v>519</v>
      </c>
      <c r="F48" s="22"/>
      <c r="G48" s="21" t="s">
        <v>92</v>
      </c>
      <c r="H48" s="20"/>
      <c r="I48" s="16">
        <v>726</v>
      </c>
      <c r="J48" s="22">
        <v>281</v>
      </c>
      <c r="K48" s="22">
        <v>445</v>
      </c>
    </row>
    <row r="49" spans="1:11" ht="15" customHeight="1">
      <c r="A49" s="20" t="s">
        <v>93</v>
      </c>
      <c r="B49" s="20"/>
      <c r="C49" s="16">
        <v>1004</v>
      </c>
      <c r="D49" s="22">
        <v>564</v>
      </c>
      <c r="E49" s="22">
        <v>440</v>
      </c>
      <c r="F49" s="22"/>
      <c r="G49" s="21" t="s">
        <v>94</v>
      </c>
      <c r="H49" s="20"/>
      <c r="I49" s="16">
        <v>600</v>
      </c>
      <c r="J49" s="22">
        <v>258</v>
      </c>
      <c r="K49" s="22">
        <v>342</v>
      </c>
    </row>
    <row r="50" spans="1:11" ht="15" customHeight="1">
      <c r="A50" s="20" t="s">
        <v>95</v>
      </c>
      <c r="B50" s="20"/>
      <c r="C50" s="16">
        <v>1149</v>
      </c>
      <c r="D50" s="22">
        <v>599</v>
      </c>
      <c r="E50" s="22">
        <v>550</v>
      </c>
      <c r="F50" s="22"/>
      <c r="G50" s="21" t="s">
        <v>96</v>
      </c>
      <c r="H50" s="20"/>
      <c r="I50" s="16">
        <v>588</v>
      </c>
      <c r="J50" s="22">
        <v>233</v>
      </c>
      <c r="K50" s="22">
        <v>355</v>
      </c>
    </row>
    <row r="51" spans="1:11" ht="15" customHeight="1">
      <c r="A51" s="20" t="s">
        <v>97</v>
      </c>
      <c r="B51" s="20"/>
      <c r="C51" s="16">
        <v>1162</v>
      </c>
      <c r="D51" s="22">
        <v>632</v>
      </c>
      <c r="E51" s="22">
        <v>530</v>
      </c>
      <c r="F51" s="22"/>
      <c r="G51" s="21" t="s">
        <v>98</v>
      </c>
      <c r="H51" s="20"/>
      <c r="I51" s="16">
        <v>405</v>
      </c>
      <c r="J51" s="22">
        <v>167</v>
      </c>
      <c r="K51" s="22">
        <v>238</v>
      </c>
    </row>
    <row r="52" spans="1:11" ht="15" customHeight="1">
      <c r="A52" s="20" t="s">
        <v>99</v>
      </c>
      <c r="B52" s="20"/>
      <c r="C52" s="16">
        <v>1192</v>
      </c>
      <c r="D52" s="22">
        <v>626</v>
      </c>
      <c r="E52" s="22">
        <v>566</v>
      </c>
      <c r="F52" s="22"/>
      <c r="G52" s="21" t="s">
        <v>100</v>
      </c>
      <c r="H52" s="20"/>
      <c r="I52" s="16">
        <v>371</v>
      </c>
      <c r="J52" s="22">
        <v>145</v>
      </c>
      <c r="K52" s="22">
        <v>226</v>
      </c>
    </row>
    <row r="53" spans="1:11" ht="20.100000000000001" customHeight="1">
      <c r="A53" s="20" t="s">
        <v>101</v>
      </c>
      <c r="B53" s="20"/>
      <c r="C53" s="16">
        <v>6262</v>
      </c>
      <c r="D53" s="17">
        <v>3316</v>
      </c>
      <c r="E53" s="17">
        <v>2946</v>
      </c>
      <c r="F53" s="17"/>
      <c r="G53" s="21" t="s">
        <v>102</v>
      </c>
      <c r="H53" s="20"/>
      <c r="I53" s="16">
        <v>1227</v>
      </c>
      <c r="J53" s="17">
        <v>395</v>
      </c>
      <c r="K53" s="17">
        <v>832</v>
      </c>
    </row>
    <row r="54" spans="1:11" ht="15" customHeight="1">
      <c r="A54" s="20" t="s">
        <v>103</v>
      </c>
      <c r="B54" s="20"/>
      <c r="C54" s="16">
        <v>1214</v>
      </c>
      <c r="D54" s="22">
        <v>683</v>
      </c>
      <c r="E54" s="22">
        <v>531</v>
      </c>
      <c r="F54" s="22"/>
      <c r="G54" s="21" t="s">
        <v>104</v>
      </c>
      <c r="H54" s="20"/>
      <c r="I54" s="16">
        <v>338</v>
      </c>
      <c r="J54" s="22">
        <v>128</v>
      </c>
      <c r="K54" s="22">
        <v>210</v>
      </c>
    </row>
    <row r="55" spans="1:11" ht="15" customHeight="1">
      <c r="A55" s="20" t="s">
        <v>105</v>
      </c>
      <c r="B55" s="20"/>
      <c r="C55" s="16">
        <v>1163</v>
      </c>
      <c r="D55" s="22">
        <v>594</v>
      </c>
      <c r="E55" s="22">
        <v>569</v>
      </c>
      <c r="F55" s="22"/>
      <c r="G55" s="21" t="s">
        <v>106</v>
      </c>
      <c r="H55" s="20"/>
      <c r="I55" s="16">
        <v>295</v>
      </c>
      <c r="J55" s="22">
        <v>101</v>
      </c>
      <c r="K55" s="22">
        <v>194</v>
      </c>
    </row>
    <row r="56" spans="1:11" ht="15" customHeight="1">
      <c r="A56" s="20" t="s">
        <v>107</v>
      </c>
      <c r="B56" s="20"/>
      <c r="C56" s="16">
        <v>1250</v>
      </c>
      <c r="D56" s="22">
        <v>639</v>
      </c>
      <c r="E56" s="22">
        <v>611</v>
      </c>
      <c r="F56" s="22"/>
      <c r="G56" s="21" t="s">
        <v>108</v>
      </c>
      <c r="H56" s="20"/>
      <c r="I56" s="16">
        <v>222</v>
      </c>
      <c r="J56" s="22">
        <v>63</v>
      </c>
      <c r="K56" s="22">
        <v>159</v>
      </c>
    </row>
    <row r="57" spans="1:11" ht="15" customHeight="1">
      <c r="A57" s="20" t="s">
        <v>109</v>
      </c>
      <c r="B57" s="20"/>
      <c r="C57" s="16">
        <v>1251</v>
      </c>
      <c r="D57" s="22">
        <v>663</v>
      </c>
      <c r="E57" s="22">
        <v>588</v>
      </c>
      <c r="F57" s="22"/>
      <c r="G57" s="21" t="s">
        <v>110</v>
      </c>
      <c r="H57" s="20"/>
      <c r="I57" s="16">
        <v>196</v>
      </c>
      <c r="J57" s="22">
        <v>56</v>
      </c>
      <c r="K57" s="22">
        <v>140</v>
      </c>
    </row>
    <row r="58" spans="1:11" ht="15" customHeight="1">
      <c r="A58" s="20" t="s">
        <v>111</v>
      </c>
      <c r="B58" s="20"/>
      <c r="C58" s="16">
        <v>1384</v>
      </c>
      <c r="D58" s="22">
        <v>737</v>
      </c>
      <c r="E58" s="22">
        <v>647</v>
      </c>
      <c r="F58" s="22"/>
      <c r="G58" s="21" t="s">
        <v>112</v>
      </c>
      <c r="H58" s="20"/>
      <c r="I58" s="16">
        <v>176</v>
      </c>
      <c r="J58" s="22">
        <v>47</v>
      </c>
      <c r="K58" s="22">
        <v>129</v>
      </c>
    </row>
    <row r="59" spans="1:11" ht="20.100000000000001" customHeight="1">
      <c r="A59" s="20" t="s">
        <v>113</v>
      </c>
      <c r="B59" s="20"/>
      <c r="C59" s="16">
        <v>7620</v>
      </c>
      <c r="D59" s="17">
        <v>3916</v>
      </c>
      <c r="E59" s="17">
        <v>3704</v>
      </c>
      <c r="F59" s="17"/>
      <c r="G59" s="21" t="s">
        <v>114</v>
      </c>
      <c r="H59" s="20"/>
      <c r="I59" s="16">
        <v>371</v>
      </c>
      <c r="J59" s="17">
        <v>72</v>
      </c>
      <c r="K59" s="17">
        <v>299</v>
      </c>
    </row>
    <row r="60" spans="1:11" ht="15" customHeight="1">
      <c r="A60" s="20" t="s">
        <v>115</v>
      </c>
      <c r="B60" s="20"/>
      <c r="C60" s="16">
        <v>1375</v>
      </c>
      <c r="D60" s="22">
        <v>726</v>
      </c>
      <c r="E60" s="22">
        <v>649</v>
      </c>
      <c r="F60" s="22"/>
      <c r="G60" s="21" t="s">
        <v>116</v>
      </c>
      <c r="H60" s="20"/>
      <c r="I60" s="16">
        <v>114</v>
      </c>
      <c r="J60" s="22">
        <v>32</v>
      </c>
      <c r="K60" s="22">
        <v>82</v>
      </c>
    </row>
    <row r="61" spans="1:11" ht="15" customHeight="1">
      <c r="A61" s="20" t="s">
        <v>117</v>
      </c>
      <c r="B61" s="20"/>
      <c r="C61" s="16">
        <v>1417</v>
      </c>
      <c r="D61" s="22">
        <v>728</v>
      </c>
      <c r="E61" s="22">
        <v>689</v>
      </c>
      <c r="F61" s="22"/>
      <c r="G61" s="21" t="s">
        <v>118</v>
      </c>
      <c r="H61" s="20"/>
      <c r="I61" s="16">
        <v>104</v>
      </c>
      <c r="J61" s="22">
        <v>14</v>
      </c>
      <c r="K61" s="22">
        <v>90</v>
      </c>
    </row>
    <row r="62" spans="1:11" ht="15" customHeight="1">
      <c r="A62" s="20" t="s">
        <v>119</v>
      </c>
      <c r="B62" s="20"/>
      <c r="C62" s="16">
        <v>1522</v>
      </c>
      <c r="D62" s="22">
        <v>758</v>
      </c>
      <c r="E62" s="22">
        <v>764</v>
      </c>
      <c r="F62" s="22"/>
      <c r="G62" s="21" t="s">
        <v>120</v>
      </c>
      <c r="H62" s="20"/>
      <c r="I62" s="16">
        <v>76</v>
      </c>
      <c r="J62" s="22">
        <v>12</v>
      </c>
      <c r="K62" s="22">
        <v>64</v>
      </c>
    </row>
    <row r="63" spans="1:11" ht="15" customHeight="1">
      <c r="A63" s="20" t="s">
        <v>121</v>
      </c>
      <c r="B63" s="20"/>
      <c r="C63" s="16">
        <v>1622</v>
      </c>
      <c r="D63" s="22">
        <v>826</v>
      </c>
      <c r="E63" s="22">
        <v>796</v>
      </c>
      <c r="F63" s="22"/>
      <c r="G63" s="21" t="s">
        <v>122</v>
      </c>
      <c r="H63" s="20"/>
      <c r="I63" s="16">
        <v>43</v>
      </c>
      <c r="J63" s="22">
        <v>7</v>
      </c>
      <c r="K63" s="22">
        <v>36</v>
      </c>
    </row>
    <row r="64" spans="1:11" ht="15" customHeight="1">
      <c r="A64" s="20" t="s">
        <v>123</v>
      </c>
      <c r="B64" s="20"/>
      <c r="C64" s="16">
        <v>1684</v>
      </c>
      <c r="D64" s="22">
        <v>878</v>
      </c>
      <c r="E64" s="22">
        <v>806</v>
      </c>
      <c r="F64" s="22"/>
      <c r="G64" s="21" t="s">
        <v>124</v>
      </c>
      <c r="H64" s="20"/>
      <c r="I64" s="16">
        <v>34</v>
      </c>
      <c r="J64" s="22">
        <v>7</v>
      </c>
      <c r="K64" s="22">
        <v>27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51</v>
      </c>
      <c r="J65" s="22">
        <v>12</v>
      </c>
      <c r="K65" s="22">
        <v>39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902</v>
      </c>
      <c r="J66" s="32">
        <v>899</v>
      </c>
      <c r="K66" s="32">
        <v>1003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6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46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48567</v>
      </c>
      <c r="D4" s="17">
        <v>24620</v>
      </c>
      <c r="E4" s="17">
        <v>23947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778</v>
      </c>
      <c r="D5" s="17">
        <v>902</v>
      </c>
      <c r="E5" s="17">
        <v>876</v>
      </c>
      <c r="F5" s="17"/>
      <c r="G5" s="21" t="s">
        <v>6</v>
      </c>
      <c r="H5" s="20"/>
      <c r="I5" s="16">
        <v>3756</v>
      </c>
      <c r="J5" s="17">
        <v>2024</v>
      </c>
      <c r="K5" s="17">
        <v>1732</v>
      </c>
    </row>
    <row r="6" spans="1:11" ht="15" customHeight="1">
      <c r="A6" s="20" t="s">
        <v>7</v>
      </c>
      <c r="B6" s="20"/>
      <c r="C6" s="16">
        <v>325</v>
      </c>
      <c r="D6" s="22">
        <v>168</v>
      </c>
      <c r="E6" s="22">
        <v>157</v>
      </c>
      <c r="F6" s="22"/>
      <c r="G6" s="21" t="s">
        <v>8</v>
      </c>
      <c r="H6" s="20"/>
      <c r="I6" s="16">
        <v>818</v>
      </c>
      <c r="J6" s="22">
        <v>440</v>
      </c>
      <c r="K6" s="22">
        <v>378</v>
      </c>
    </row>
    <row r="7" spans="1:11" ht="15" customHeight="1">
      <c r="A7" s="20" t="s">
        <v>9</v>
      </c>
      <c r="B7" s="20"/>
      <c r="C7" s="16">
        <v>321</v>
      </c>
      <c r="D7" s="22">
        <v>163</v>
      </c>
      <c r="E7" s="22">
        <v>158</v>
      </c>
      <c r="F7" s="22"/>
      <c r="G7" s="21" t="s">
        <v>10</v>
      </c>
      <c r="H7" s="20"/>
      <c r="I7" s="16">
        <v>815</v>
      </c>
      <c r="J7" s="22">
        <v>439</v>
      </c>
      <c r="K7" s="22">
        <v>376</v>
      </c>
    </row>
    <row r="8" spans="1:11" ht="15" customHeight="1">
      <c r="A8" s="20" t="s">
        <v>11</v>
      </c>
      <c r="B8" s="20"/>
      <c r="C8" s="16">
        <v>347</v>
      </c>
      <c r="D8" s="22">
        <v>192</v>
      </c>
      <c r="E8" s="22">
        <v>155</v>
      </c>
      <c r="F8" s="22"/>
      <c r="G8" s="21" t="s">
        <v>12</v>
      </c>
      <c r="H8" s="20"/>
      <c r="I8" s="16">
        <v>763</v>
      </c>
      <c r="J8" s="22">
        <v>428</v>
      </c>
      <c r="K8" s="22">
        <v>335</v>
      </c>
    </row>
    <row r="9" spans="1:11" ht="15" customHeight="1">
      <c r="A9" s="20" t="s">
        <v>13</v>
      </c>
      <c r="B9" s="20"/>
      <c r="C9" s="16">
        <v>393</v>
      </c>
      <c r="D9" s="22">
        <v>194</v>
      </c>
      <c r="E9" s="22">
        <v>199</v>
      </c>
      <c r="F9" s="22"/>
      <c r="G9" s="21" t="s">
        <v>14</v>
      </c>
      <c r="H9" s="20"/>
      <c r="I9" s="16">
        <v>660</v>
      </c>
      <c r="J9" s="22">
        <v>347</v>
      </c>
      <c r="K9" s="22">
        <v>313</v>
      </c>
    </row>
    <row r="10" spans="1:11" ht="15" customHeight="1">
      <c r="A10" s="20" t="s">
        <v>15</v>
      </c>
      <c r="B10" s="20"/>
      <c r="C10" s="16">
        <v>392</v>
      </c>
      <c r="D10" s="22">
        <v>185</v>
      </c>
      <c r="E10" s="22">
        <v>207</v>
      </c>
      <c r="F10" s="22"/>
      <c r="G10" s="21" t="s">
        <v>16</v>
      </c>
      <c r="H10" s="20"/>
      <c r="I10" s="16">
        <v>700</v>
      </c>
      <c r="J10" s="22">
        <v>370</v>
      </c>
      <c r="K10" s="22">
        <v>330</v>
      </c>
    </row>
    <row r="11" spans="1:11" ht="20.100000000000001" customHeight="1">
      <c r="A11" s="20" t="s">
        <v>17</v>
      </c>
      <c r="B11" s="20"/>
      <c r="C11" s="16">
        <v>2116</v>
      </c>
      <c r="D11" s="17">
        <v>1127</v>
      </c>
      <c r="E11" s="17">
        <v>989</v>
      </c>
      <c r="F11" s="17"/>
      <c r="G11" s="21" t="s">
        <v>18</v>
      </c>
      <c r="H11" s="20"/>
      <c r="I11" s="16">
        <v>3005</v>
      </c>
      <c r="J11" s="17">
        <v>1578</v>
      </c>
      <c r="K11" s="17">
        <v>1427</v>
      </c>
    </row>
    <row r="12" spans="1:11" ht="15" customHeight="1">
      <c r="A12" s="20" t="s">
        <v>19</v>
      </c>
      <c r="B12" s="20"/>
      <c r="C12" s="16">
        <v>398</v>
      </c>
      <c r="D12" s="22">
        <v>221</v>
      </c>
      <c r="E12" s="22">
        <v>177</v>
      </c>
      <c r="F12" s="22"/>
      <c r="G12" s="21" t="s">
        <v>20</v>
      </c>
      <c r="H12" s="20"/>
      <c r="I12" s="16">
        <v>691</v>
      </c>
      <c r="J12" s="22">
        <v>372</v>
      </c>
      <c r="K12" s="22">
        <v>319</v>
      </c>
    </row>
    <row r="13" spans="1:11" ht="15" customHeight="1">
      <c r="A13" s="20" t="s">
        <v>21</v>
      </c>
      <c r="B13" s="20"/>
      <c r="C13" s="16">
        <v>428</v>
      </c>
      <c r="D13" s="22">
        <v>230</v>
      </c>
      <c r="E13" s="22">
        <v>198</v>
      </c>
      <c r="F13" s="22"/>
      <c r="G13" s="21" t="s">
        <v>22</v>
      </c>
      <c r="H13" s="20"/>
      <c r="I13" s="16">
        <v>507</v>
      </c>
      <c r="J13" s="22">
        <v>259</v>
      </c>
      <c r="K13" s="22">
        <v>248</v>
      </c>
    </row>
    <row r="14" spans="1:11" ht="15" customHeight="1">
      <c r="A14" s="20" t="s">
        <v>23</v>
      </c>
      <c r="B14" s="20"/>
      <c r="C14" s="16">
        <v>435</v>
      </c>
      <c r="D14" s="22">
        <v>223</v>
      </c>
      <c r="E14" s="22">
        <v>212</v>
      </c>
      <c r="F14" s="22"/>
      <c r="G14" s="21" t="s">
        <v>24</v>
      </c>
      <c r="H14" s="20"/>
      <c r="I14" s="16">
        <v>640</v>
      </c>
      <c r="J14" s="22">
        <v>332</v>
      </c>
      <c r="K14" s="22">
        <v>308</v>
      </c>
    </row>
    <row r="15" spans="1:11" ht="15" customHeight="1">
      <c r="A15" s="20" t="s">
        <v>25</v>
      </c>
      <c r="B15" s="20"/>
      <c r="C15" s="16">
        <v>429</v>
      </c>
      <c r="D15" s="22">
        <v>220</v>
      </c>
      <c r="E15" s="22">
        <v>209</v>
      </c>
      <c r="F15" s="22"/>
      <c r="G15" s="21" t="s">
        <v>26</v>
      </c>
      <c r="H15" s="20"/>
      <c r="I15" s="16">
        <v>618</v>
      </c>
      <c r="J15" s="22">
        <v>314</v>
      </c>
      <c r="K15" s="22">
        <v>304</v>
      </c>
    </row>
    <row r="16" spans="1:11" ht="15" customHeight="1">
      <c r="A16" s="20" t="s">
        <v>27</v>
      </c>
      <c r="B16" s="20"/>
      <c r="C16" s="16">
        <v>426</v>
      </c>
      <c r="D16" s="22">
        <v>233</v>
      </c>
      <c r="E16" s="22">
        <v>193</v>
      </c>
      <c r="F16" s="22"/>
      <c r="G16" s="21" t="s">
        <v>28</v>
      </c>
      <c r="H16" s="20"/>
      <c r="I16" s="16">
        <v>549</v>
      </c>
      <c r="J16" s="22">
        <v>301</v>
      </c>
      <c r="K16" s="22">
        <v>248</v>
      </c>
    </row>
    <row r="17" spans="1:11" ht="20.100000000000001" customHeight="1">
      <c r="A17" s="24" t="s">
        <v>29</v>
      </c>
      <c r="B17" s="24"/>
      <c r="C17" s="16">
        <v>2183</v>
      </c>
      <c r="D17" s="17">
        <v>1117</v>
      </c>
      <c r="E17" s="17">
        <v>1066</v>
      </c>
      <c r="F17" s="17"/>
      <c r="G17" s="21" t="s">
        <v>30</v>
      </c>
      <c r="H17" s="20"/>
      <c r="I17" s="16">
        <v>2669</v>
      </c>
      <c r="J17" s="17">
        <v>1330</v>
      </c>
      <c r="K17" s="17">
        <v>1339</v>
      </c>
    </row>
    <row r="18" spans="1:11" ht="15" customHeight="1">
      <c r="A18" s="20" t="s">
        <v>31</v>
      </c>
      <c r="B18" s="20"/>
      <c r="C18" s="16">
        <v>437</v>
      </c>
      <c r="D18" s="22">
        <v>214</v>
      </c>
      <c r="E18" s="22">
        <v>223</v>
      </c>
      <c r="F18" s="22"/>
      <c r="G18" s="21" t="s">
        <v>32</v>
      </c>
      <c r="H18" s="20"/>
      <c r="I18" s="16">
        <v>555</v>
      </c>
      <c r="J18" s="22">
        <v>283</v>
      </c>
      <c r="K18" s="22">
        <v>272</v>
      </c>
    </row>
    <row r="19" spans="1:11" ht="15" customHeight="1">
      <c r="A19" s="20" t="s">
        <v>33</v>
      </c>
      <c r="B19" s="20"/>
      <c r="C19" s="16">
        <v>413</v>
      </c>
      <c r="D19" s="22">
        <v>202</v>
      </c>
      <c r="E19" s="22">
        <v>211</v>
      </c>
      <c r="F19" s="22"/>
      <c r="G19" s="21" t="s">
        <v>34</v>
      </c>
      <c r="H19" s="20"/>
      <c r="I19" s="16">
        <v>543</v>
      </c>
      <c r="J19" s="22">
        <v>278</v>
      </c>
      <c r="K19" s="22">
        <v>265</v>
      </c>
    </row>
    <row r="20" spans="1:11" ht="15" customHeight="1">
      <c r="A20" s="20" t="s">
        <v>35</v>
      </c>
      <c r="B20" s="20"/>
      <c r="C20" s="16">
        <v>455</v>
      </c>
      <c r="D20" s="22">
        <v>225</v>
      </c>
      <c r="E20" s="22">
        <v>230</v>
      </c>
      <c r="F20" s="22"/>
      <c r="G20" s="21" t="s">
        <v>36</v>
      </c>
      <c r="H20" s="20"/>
      <c r="I20" s="16">
        <v>508</v>
      </c>
      <c r="J20" s="22">
        <v>239</v>
      </c>
      <c r="K20" s="22">
        <v>269</v>
      </c>
    </row>
    <row r="21" spans="1:11" ht="15" customHeight="1">
      <c r="A21" s="20" t="s">
        <v>37</v>
      </c>
      <c r="B21" s="20"/>
      <c r="C21" s="16">
        <v>436</v>
      </c>
      <c r="D21" s="22">
        <v>228</v>
      </c>
      <c r="E21" s="22">
        <v>208</v>
      </c>
      <c r="F21" s="22"/>
      <c r="G21" s="21" t="s">
        <v>38</v>
      </c>
      <c r="H21" s="20"/>
      <c r="I21" s="16">
        <v>509</v>
      </c>
      <c r="J21" s="22">
        <v>265</v>
      </c>
      <c r="K21" s="22">
        <v>244</v>
      </c>
    </row>
    <row r="22" spans="1:11" ht="15" customHeight="1">
      <c r="A22" s="20" t="s">
        <v>39</v>
      </c>
      <c r="B22" s="20"/>
      <c r="C22" s="16">
        <v>442</v>
      </c>
      <c r="D22" s="22">
        <v>248</v>
      </c>
      <c r="E22" s="22">
        <v>194</v>
      </c>
      <c r="F22" s="22"/>
      <c r="G22" s="21" t="s">
        <v>40</v>
      </c>
      <c r="H22" s="20"/>
      <c r="I22" s="16">
        <v>554</v>
      </c>
      <c r="J22" s="22">
        <v>265</v>
      </c>
      <c r="K22" s="22">
        <v>289</v>
      </c>
    </row>
    <row r="23" spans="1:11" ht="20.100000000000001" customHeight="1">
      <c r="A23" s="20" t="s">
        <v>41</v>
      </c>
      <c r="B23" s="20"/>
      <c r="C23" s="16">
        <v>2213</v>
      </c>
      <c r="D23" s="17">
        <v>1128</v>
      </c>
      <c r="E23" s="17">
        <v>1085</v>
      </c>
      <c r="F23" s="17"/>
      <c r="G23" s="21" t="s">
        <v>42</v>
      </c>
      <c r="H23" s="20"/>
      <c r="I23" s="16">
        <v>2669</v>
      </c>
      <c r="J23" s="17">
        <v>1298</v>
      </c>
      <c r="K23" s="17">
        <v>1371</v>
      </c>
    </row>
    <row r="24" spans="1:11" ht="15" customHeight="1">
      <c r="A24" s="20" t="s">
        <v>43</v>
      </c>
      <c r="B24" s="20"/>
      <c r="C24" s="16">
        <v>424</v>
      </c>
      <c r="D24" s="22">
        <v>212</v>
      </c>
      <c r="E24" s="22">
        <v>212</v>
      </c>
      <c r="F24" s="22"/>
      <c r="G24" s="21" t="s">
        <v>44</v>
      </c>
      <c r="H24" s="20"/>
      <c r="I24" s="16">
        <v>476</v>
      </c>
      <c r="J24" s="22">
        <v>239</v>
      </c>
      <c r="K24" s="22">
        <v>237</v>
      </c>
    </row>
    <row r="25" spans="1:11" ht="15" customHeight="1">
      <c r="A25" s="20" t="s">
        <v>45</v>
      </c>
      <c r="B25" s="20"/>
      <c r="C25" s="16">
        <v>452</v>
      </c>
      <c r="D25" s="22">
        <v>238</v>
      </c>
      <c r="E25" s="22">
        <v>214</v>
      </c>
      <c r="F25" s="22"/>
      <c r="G25" s="21" t="s">
        <v>46</v>
      </c>
      <c r="H25" s="20"/>
      <c r="I25" s="16">
        <v>506</v>
      </c>
      <c r="J25" s="22">
        <v>249</v>
      </c>
      <c r="K25" s="22">
        <v>257</v>
      </c>
    </row>
    <row r="26" spans="1:11" ht="15" customHeight="1">
      <c r="A26" s="20" t="s">
        <v>47</v>
      </c>
      <c r="B26" s="20"/>
      <c r="C26" s="16">
        <v>425</v>
      </c>
      <c r="D26" s="22">
        <v>220</v>
      </c>
      <c r="E26" s="22">
        <v>205</v>
      </c>
      <c r="F26" s="22"/>
      <c r="G26" s="21" t="s">
        <v>48</v>
      </c>
      <c r="H26" s="20"/>
      <c r="I26" s="16">
        <v>557</v>
      </c>
      <c r="J26" s="22">
        <v>280</v>
      </c>
      <c r="K26" s="22">
        <v>277</v>
      </c>
    </row>
    <row r="27" spans="1:11" ht="15" customHeight="1">
      <c r="A27" s="20" t="s">
        <v>49</v>
      </c>
      <c r="B27" s="20"/>
      <c r="C27" s="16">
        <v>468</v>
      </c>
      <c r="D27" s="22">
        <v>238</v>
      </c>
      <c r="E27" s="22">
        <v>230</v>
      </c>
      <c r="F27" s="22"/>
      <c r="G27" s="21" t="s">
        <v>50</v>
      </c>
      <c r="H27" s="20"/>
      <c r="I27" s="16">
        <v>540</v>
      </c>
      <c r="J27" s="22">
        <v>250</v>
      </c>
      <c r="K27" s="22">
        <v>290</v>
      </c>
    </row>
    <row r="28" spans="1:11" ht="15" customHeight="1">
      <c r="A28" s="20" t="s">
        <v>51</v>
      </c>
      <c r="B28" s="20"/>
      <c r="C28" s="16">
        <v>444</v>
      </c>
      <c r="D28" s="22">
        <v>220</v>
      </c>
      <c r="E28" s="22">
        <v>224</v>
      </c>
      <c r="F28" s="22"/>
      <c r="G28" s="21" t="s">
        <v>52</v>
      </c>
      <c r="H28" s="20"/>
      <c r="I28" s="16">
        <v>590</v>
      </c>
      <c r="J28" s="22">
        <v>280</v>
      </c>
      <c r="K28" s="22">
        <v>310</v>
      </c>
    </row>
    <row r="29" spans="1:11" ht="20.100000000000001" customHeight="1">
      <c r="A29" s="20" t="s">
        <v>53</v>
      </c>
      <c r="B29" s="20"/>
      <c r="C29" s="16">
        <v>2199</v>
      </c>
      <c r="D29" s="17">
        <v>1144</v>
      </c>
      <c r="E29" s="17">
        <v>1055</v>
      </c>
      <c r="F29" s="17"/>
      <c r="G29" s="21" t="s">
        <v>54</v>
      </c>
      <c r="H29" s="20"/>
      <c r="I29" s="16">
        <v>3639</v>
      </c>
      <c r="J29" s="17">
        <v>1743</v>
      </c>
      <c r="K29" s="17">
        <v>1896</v>
      </c>
    </row>
    <row r="30" spans="1:11" ht="15" customHeight="1">
      <c r="A30" s="20" t="s">
        <v>55</v>
      </c>
      <c r="B30" s="20"/>
      <c r="C30" s="16">
        <v>465</v>
      </c>
      <c r="D30" s="22">
        <v>230</v>
      </c>
      <c r="E30" s="22">
        <v>235</v>
      </c>
      <c r="F30" s="22"/>
      <c r="G30" s="21" t="s">
        <v>56</v>
      </c>
      <c r="H30" s="20"/>
      <c r="I30" s="16">
        <v>689</v>
      </c>
      <c r="J30" s="22">
        <v>333</v>
      </c>
      <c r="K30" s="22">
        <v>356</v>
      </c>
    </row>
    <row r="31" spans="1:11" ht="15" customHeight="1">
      <c r="A31" s="20" t="s">
        <v>57</v>
      </c>
      <c r="B31" s="20"/>
      <c r="C31" s="16">
        <v>450</v>
      </c>
      <c r="D31" s="22">
        <v>231</v>
      </c>
      <c r="E31" s="22">
        <v>219</v>
      </c>
      <c r="F31" s="22"/>
      <c r="G31" s="21" t="s">
        <v>58</v>
      </c>
      <c r="H31" s="20"/>
      <c r="I31" s="16">
        <v>676</v>
      </c>
      <c r="J31" s="22">
        <v>344</v>
      </c>
      <c r="K31" s="22">
        <v>332</v>
      </c>
    </row>
    <row r="32" spans="1:11" ht="15" customHeight="1">
      <c r="A32" s="20" t="s">
        <v>59</v>
      </c>
      <c r="B32" s="20"/>
      <c r="C32" s="16">
        <v>483</v>
      </c>
      <c r="D32" s="22">
        <v>253</v>
      </c>
      <c r="E32" s="22">
        <v>230</v>
      </c>
      <c r="F32" s="22"/>
      <c r="G32" s="21" t="s">
        <v>60</v>
      </c>
      <c r="H32" s="20"/>
      <c r="I32" s="16">
        <v>723</v>
      </c>
      <c r="J32" s="22">
        <v>358</v>
      </c>
      <c r="K32" s="22">
        <v>365</v>
      </c>
    </row>
    <row r="33" spans="1:11" ht="15" customHeight="1">
      <c r="A33" s="20" t="s">
        <v>61</v>
      </c>
      <c r="B33" s="20"/>
      <c r="C33" s="16">
        <v>379</v>
      </c>
      <c r="D33" s="22">
        <v>207</v>
      </c>
      <c r="E33" s="22">
        <v>172</v>
      </c>
      <c r="F33" s="22"/>
      <c r="G33" s="21" t="s">
        <v>62</v>
      </c>
      <c r="H33" s="20"/>
      <c r="I33" s="16">
        <v>823</v>
      </c>
      <c r="J33" s="22">
        <v>382</v>
      </c>
      <c r="K33" s="22">
        <v>441</v>
      </c>
    </row>
    <row r="34" spans="1:11" ht="15" customHeight="1">
      <c r="A34" s="20" t="s">
        <v>63</v>
      </c>
      <c r="B34" s="20"/>
      <c r="C34" s="16">
        <v>422</v>
      </c>
      <c r="D34" s="22">
        <v>223</v>
      </c>
      <c r="E34" s="22">
        <v>199</v>
      </c>
      <c r="F34" s="22"/>
      <c r="G34" s="21" t="s">
        <v>64</v>
      </c>
      <c r="H34" s="20"/>
      <c r="I34" s="16">
        <v>728</v>
      </c>
      <c r="J34" s="22">
        <v>326</v>
      </c>
      <c r="K34" s="22">
        <v>402</v>
      </c>
    </row>
    <row r="35" spans="1:11" ht="20.100000000000001" customHeight="1">
      <c r="A35" s="20" t="s">
        <v>65</v>
      </c>
      <c r="B35" s="20"/>
      <c r="C35" s="16">
        <v>2316</v>
      </c>
      <c r="D35" s="17">
        <v>1260</v>
      </c>
      <c r="E35" s="17">
        <v>1056</v>
      </c>
      <c r="F35" s="17"/>
      <c r="G35" s="21" t="s">
        <v>66</v>
      </c>
      <c r="H35" s="20"/>
      <c r="I35" s="16">
        <v>2963</v>
      </c>
      <c r="J35" s="17">
        <v>1363</v>
      </c>
      <c r="K35" s="17">
        <v>1600</v>
      </c>
    </row>
    <row r="36" spans="1:11" ht="15" customHeight="1">
      <c r="A36" s="20" t="s">
        <v>67</v>
      </c>
      <c r="B36" s="20"/>
      <c r="C36" s="16">
        <v>471</v>
      </c>
      <c r="D36" s="22">
        <v>262</v>
      </c>
      <c r="E36" s="22">
        <v>209</v>
      </c>
      <c r="F36" s="22"/>
      <c r="G36" s="21" t="s">
        <v>68</v>
      </c>
      <c r="H36" s="20"/>
      <c r="I36" s="16">
        <v>762</v>
      </c>
      <c r="J36" s="22">
        <v>351</v>
      </c>
      <c r="K36" s="22">
        <v>411</v>
      </c>
    </row>
    <row r="37" spans="1:11" ht="15" customHeight="1">
      <c r="A37" s="20" t="s">
        <v>69</v>
      </c>
      <c r="B37" s="20"/>
      <c r="C37" s="16">
        <v>448</v>
      </c>
      <c r="D37" s="22">
        <v>232</v>
      </c>
      <c r="E37" s="22">
        <v>216</v>
      </c>
      <c r="F37" s="22"/>
      <c r="G37" s="21" t="s">
        <v>70</v>
      </c>
      <c r="H37" s="20"/>
      <c r="I37" s="16">
        <v>538</v>
      </c>
      <c r="J37" s="22">
        <v>244</v>
      </c>
      <c r="K37" s="22">
        <v>294</v>
      </c>
    </row>
    <row r="38" spans="1:11" ht="15" customHeight="1">
      <c r="A38" s="20" t="s">
        <v>71</v>
      </c>
      <c r="B38" s="20"/>
      <c r="C38" s="16">
        <v>431</v>
      </c>
      <c r="D38" s="22">
        <v>250</v>
      </c>
      <c r="E38" s="22">
        <v>181</v>
      </c>
      <c r="F38" s="22"/>
      <c r="G38" s="21" t="s">
        <v>72</v>
      </c>
      <c r="H38" s="20"/>
      <c r="I38" s="16">
        <v>483</v>
      </c>
      <c r="J38" s="22">
        <v>239</v>
      </c>
      <c r="K38" s="22">
        <v>244</v>
      </c>
    </row>
    <row r="39" spans="1:11" ht="15" customHeight="1">
      <c r="A39" s="20" t="s">
        <v>73</v>
      </c>
      <c r="B39" s="20"/>
      <c r="C39" s="16">
        <v>508</v>
      </c>
      <c r="D39" s="22">
        <v>261</v>
      </c>
      <c r="E39" s="22">
        <v>247</v>
      </c>
      <c r="F39" s="22"/>
      <c r="G39" s="21" t="s">
        <v>74</v>
      </c>
      <c r="H39" s="20"/>
      <c r="I39" s="16">
        <v>555</v>
      </c>
      <c r="J39" s="22">
        <v>254</v>
      </c>
      <c r="K39" s="22">
        <v>301</v>
      </c>
    </row>
    <row r="40" spans="1:11" ht="15" customHeight="1">
      <c r="A40" s="20" t="s">
        <v>75</v>
      </c>
      <c r="B40" s="20"/>
      <c r="C40" s="16">
        <v>458</v>
      </c>
      <c r="D40" s="22">
        <v>255</v>
      </c>
      <c r="E40" s="22">
        <v>203</v>
      </c>
      <c r="F40" s="22"/>
      <c r="G40" s="21" t="s">
        <v>76</v>
      </c>
      <c r="H40" s="20"/>
      <c r="I40" s="16">
        <v>625</v>
      </c>
      <c r="J40" s="22">
        <v>275</v>
      </c>
      <c r="K40" s="22">
        <v>350</v>
      </c>
    </row>
    <row r="41" spans="1:11" ht="20.100000000000001" customHeight="1">
      <c r="A41" s="20" t="s">
        <v>77</v>
      </c>
      <c r="B41" s="20"/>
      <c r="C41" s="16">
        <v>2565</v>
      </c>
      <c r="D41" s="17">
        <v>1367</v>
      </c>
      <c r="E41" s="17">
        <v>1198</v>
      </c>
      <c r="F41" s="17"/>
      <c r="G41" s="21" t="s">
        <v>78</v>
      </c>
      <c r="H41" s="20"/>
      <c r="I41" s="16">
        <v>2231</v>
      </c>
      <c r="J41" s="17">
        <v>1026</v>
      </c>
      <c r="K41" s="17">
        <v>1205</v>
      </c>
    </row>
    <row r="42" spans="1:11" ht="15" customHeight="1">
      <c r="A42" s="20" t="s">
        <v>79</v>
      </c>
      <c r="B42" s="20"/>
      <c r="C42" s="16">
        <v>446</v>
      </c>
      <c r="D42" s="22">
        <v>248</v>
      </c>
      <c r="E42" s="22">
        <v>198</v>
      </c>
      <c r="F42" s="22"/>
      <c r="G42" s="21" t="s">
        <v>80</v>
      </c>
      <c r="H42" s="20"/>
      <c r="I42" s="16">
        <v>532</v>
      </c>
      <c r="J42" s="22">
        <v>227</v>
      </c>
      <c r="K42" s="22">
        <v>305</v>
      </c>
    </row>
    <row r="43" spans="1:11" ht="15" customHeight="1">
      <c r="A43" s="20" t="s">
        <v>81</v>
      </c>
      <c r="B43" s="20"/>
      <c r="C43" s="16">
        <v>478</v>
      </c>
      <c r="D43" s="22">
        <v>247</v>
      </c>
      <c r="E43" s="22">
        <v>231</v>
      </c>
      <c r="F43" s="22"/>
      <c r="G43" s="21" t="s">
        <v>82</v>
      </c>
      <c r="H43" s="20"/>
      <c r="I43" s="16">
        <v>533</v>
      </c>
      <c r="J43" s="22">
        <v>256</v>
      </c>
      <c r="K43" s="22">
        <v>277</v>
      </c>
    </row>
    <row r="44" spans="1:11" ht="15" customHeight="1">
      <c r="A44" s="20" t="s">
        <v>83</v>
      </c>
      <c r="B44" s="20"/>
      <c r="C44" s="16">
        <v>500</v>
      </c>
      <c r="D44" s="22">
        <v>263</v>
      </c>
      <c r="E44" s="22">
        <v>237</v>
      </c>
      <c r="F44" s="22"/>
      <c r="G44" s="21" t="s">
        <v>84</v>
      </c>
      <c r="H44" s="20"/>
      <c r="I44" s="16">
        <v>444</v>
      </c>
      <c r="J44" s="22">
        <v>194</v>
      </c>
      <c r="K44" s="22">
        <v>250</v>
      </c>
    </row>
    <row r="45" spans="1:11" ht="15" customHeight="1">
      <c r="A45" s="20" t="s">
        <v>85</v>
      </c>
      <c r="B45" s="20"/>
      <c r="C45" s="16">
        <v>571</v>
      </c>
      <c r="D45" s="22">
        <v>294</v>
      </c>
      <c r="E45" s="22">
        <v>277</v>
      </c>
      <c r="F45" s="22"/>
      <c r="G45" s="21" t="s">
        <v>86</v>
      </c>
      <c r="H45" s="20"/>
      <c r="I45" s="16">
        <v>389</v>
      </c>
      <c r="J45" s="22">
        <v>186</v>
      </c>
      <c r="K45" s="22">
        <v>203</v>
      </c>
    </row>
    <row r="46" spans="1:11" ht="15" customHeight="1">
      <c r="A46" s="20" t="s">
        <v>87</v>
      </c>
      <c r="B46" s="20"/>
      <c r="C46" s="16">
        <v>570</v>
      </c>
      <c r="D46" s="22">
        <v>315</v>
      </c>
      <c r="E46" s="22">
        <v>255</v>
      </c>
      <c r="F46" s="22"/>
      <c r="G46" s="21" t="s">
        <v>88</v>
      </c>
      <c r="H46" s="20"/>
      <c r="I46" s="16">
        <v>333</v>
      </c>
      <c r="J46" s="22">
        <v>163</v>
      </c>
      <c r="K46" s="22">
        <v>170</v>
      </c>
    </row>
    <row r="47" spans="1:11" ht="20.100000000000001" customHeight="1">
      <c r="A47" s="20" t="s">
        <v>89</v>
      </c>
      <c r="B47" s="20"/>
      <c r="C47" s="16">
        <v>2725</v>
      </c>
      <c r="D47" s="17">
        <v>1437</v>
      </c>
      <c r="E47" s="17">
        <v>1288</v>
      </c>
      <c r="F47" s="17"/>
      <c r="G47" s="21" t="s">
        <v>90</v>
      </c>
      <c r="H47" s="20"/>
      <c r="I47" s="16">
        <v>1213</v>
      </c>
      <c r="J47" s="17">
        <v>497</v>
      </c>
      <c r="K47" s="17">
        <v>716</v>
      </c>
    </row>
    <row r="48" spans="1:11" ht="15" customHeight="1">
      <c r="A48" s="20" t="s">
        <v>91</v>
      </c>
      <c r="B48" s="20"/>
      <c r="C48" s="16">
        <v>477</v>
      </c>
      <c r="D48" s="22">
        <v>242</v>
      </c>
      <c r="E48" s="22">
        <v>235</v>
      </c>
      <c r="F48" s="22"/>
      <c r="G48" s="21" t="s">
        <v>92</v>
      </c>
      <c r="H48" s="20"/>
      <c r="I48" s="16">
        <v>303</v>
      </c>
      <c r="J48" s="22">
        <v>139</v>
      </c>
      <c r="K48" s="22">
        <v>164</v>
      </c>
    </row>
    <row r="49" spans="1:11" ht="15" customHeight="1">
      <c r="A49" s="20" t="s">
        <v>93</v>
      </c>
      <c r="B49" s="20"/>
      <c r="C49" s="16">
        <v>530</v>
      </c>
      <c r="D49" s="22">
        <v>291</v>
      </c>
      <c r="E49" s="22">
        <v>239</v>
      </c>
      <c r="F49" s="22"/>
      <c r="G49" s="21" t="s">
        <v>94</v>
      </c>
      <c r="H49" s="20"/>
      <c r="I49" s="16">
        <v>256</v>
      </c>
      <c r="J49" s="22">
        <v>109</v>
      </c>
      <c r="K49" s="22">
        <v>147</v>
      </c>
    </row>
    <row r="50" spans="1:11" ht="15" customHeight="1">
      <c r="A50" s="20" t="s">
        <v>95</v>
      </c>
      <c r="B50" s="20"/>
      <c r="C50" s="16">
        <v>573</v>
      </c>
      <c r="D50" s="22">
        <v>278</v>
      </c>
      <c r="E50" s="22">
        <v>295</v>
      </c>
      <c r="F50" s="22"/>
      <c r="G50" s="21" t="s">
        <v>96</v>
      </c>
      <c r="H50" s="20"/>
      <c r="I50" s="16">
        <v>257</v>
      </c>
      <c r="J50" s="22">
        <v>103</v>
      </c>
      <c r="K50" s="22">
        <v>154</v>
      </c>
    </row>
    <row r="51" spans="1:11" ht="15" customHeight="1">
      <c r="A51" s="20" t="s">
        <v>97</v>
      </c>
      <c r="B51" s="20"/>
      <c r="C51" s="16">
        <v>568</v>
      </c>
      <c r="D51" s="22">
        <v>316</v>
      </c>
      <c r="E51" s="22">
        <v>252</v>
      </c>
      <c r="F51" s="22"/>
      <c r="G51" s="21" t="s">
        <v>98</v>
      </c>
      <c r="H51" s="20"/>
      <c r="I51" s="16">
        <v>212</v>
      </c>
      <c r="J51" s="22">
        <v>72</v>
      </c>
      <c r="K51" s="22">
        <v>140</v>
      </c>
    </row>
    <row r="52" spans="1:11" ht="15" customHeight="1">
      <c r="A52" s="20" t="s">
        <v>99</v>
      </c>
      <c r="B52" s="20"/>
      <c r="C52" s="16">
        <v>577</v>
      </c>
      <c r="D52" s="22">
        <v>310</v>
      </c>
      <c r="E52" s="22">
        <v>267</v>
      </c>
      <c r="F52" s="22"/>
      <c r="G52" s="21" t="s">
        <v>100</v>
      </c>
      <c r="H52" s="20"/>
      <c r="I52" s="16">
        <v>185</v>
      </c>
      <c r="J52" s="22">
        <v>74</v>
      </c>
      <c r="K52" s="22">
        <v>111</v>
      </c>
    </row>
    <row r="53" spans="1:11" ht="20.100000000000001" customHeight="1">
      <c r="A53" s="20" t="s">
        <v>101</v>
      </c>
      <c r="B53" s="20"/>
      <c r="C53" s="16">
        <v>3309</v>
      </c>
      <c r="D53" s="17">
        <v>1713</v>
      </c>
      <c r="E53" s="17">
        <v>1596</v>
      </c>
      <c r="F53" s="17"/>
      <c r="G53" s="21" t="s">
        <v>102</v>
      </c>
      <c r="H53" s="20"/>
      <c r="I53" s="16">
        <v>467</v>
      </c>
      <c r="J53" s="17">
        <v>140</v>
      </c>
      <c r="K53" s="17">
        <v>327</v>
      </c>
    </row>
    <row r="54" spans="1:11" ht="15" customHeight="1">
      <c r="A54" s="20" t="s">
        <v>103</v>
      </c>
      <c r="B54" s="20"/>
      <c r="C54" s="16">
        <v>622</v>
      </c>
      <c r="D54" s="22">
        <v>332</v>
      </c>
      <c r="E54" s="22">
        <v>290</v>
      </c>
      <c r="F54" s="22"/>
      <c r="G54" s="21" t="s">
        <v>104</v>
      </c>
      <c r="H54" s="20"/>
      <c r="I54" s="16">
        <v>114</v>
      </c>
      <c r="J54" s="22">
        <v>37</v>
      </c>
      <c r="K54" s="22">
        <v>77</v>
      </c>
    </row>
    <row r="55" spans="1:11" ht="15" customHeight="1">
      <c r="A55" s="20" t="s">
        <v>105</v>
      </c>
      <c r="B55" s="20"/>
      <c r="C55" s="16">
        <v>597</v>
      </c>
      <c r="D55" s="22">
        <v>292</v>
      </c>
      <c r="E55" s="22">
        <v>305</v>
      </c>
      <c r="F55" s="22"/>
      <c r="G55" s="21" t="s">
        <v>106</v>
      </c>
      <c r="H55" s="20"/>
      <c r="I55" s="16">
        <v>115</v>
      </c>
      <c r="J55" s="22">
        <v>45</v>
      </c>
      <c r="K55" s="22">
        <v>70</v>
      </c>
    </row>
    <row r="56" spans="1:11" ht="15" customHeight="1">
      <c r="A56" s="20" t="s">
        <v>107</v>
      </c>
      <c r="B56" s="20"/>
      <c r="C56" s="16">
        <v>634</v>
      </c>
      <c r="D56" s="22">
        <v>332</v>
      </c>
      <c r="E56" s="22">
        <v>302</v>
      </c>
      <c r="F56" s="22"/>
      <c r="G56" s="21" t="s">
        <v>108</v>
      </c>
      <c r="H56" s="20"/>
      <c r="I56" s="16">
        <v>94</v>
      </c>
      <c r="J56" s="22">
        <v>25</v>
      </c>
      <c r="K56" s="22">
        <v>69</v>
      </c>
    </row>
    <row r="57" spans="1:11" ht="15" customHeight="1">
      <c r="A57" s="20" t="s">
        <v>109</v>
      </c>
      <c r="B57" s="20"/>
      <c r="C57" s="16">
        <v>728</v>
      </c>
      <c r="D57" s="22">
        <v>393</v>
      </c>
      <c r="E57" s="22">
        <v>335</v>
      </c>
      <c r="F57" s="22"/>
      <c r="G57" s="21" t="s">
        <v>110</v>
      </c>
      <c r="H57" s="20"/>
      <c r="I57" s="16">
        <v>86</v>
      </c>
      <c r="J57" s="22">
        <v>23</v>
      </c>
      <c r="K57" s="22">
        <v>63</v>
      </c>
    </row>
    <row r="58" spans="1:11" ht="15" customHeight="1">
      <c r="A58" s="20" t="s">
        <v>111</v>
      </c>
      <c r="B58" s="20"/>
      <c r="C58" s="16">
        <v>728</v>
      </c>
      <c r="D58" s="22">
        <v>364</v>
      </c>
      <c r="E58" s="22">
        <v>364</v>
      </c>
      <c r="F58" s="22"/>
      <c r="G58" s="21" t="s">
        <v>112</v>
      </c>
      <c r="H58" s="20"/>
      <c r="I58" s="16">
        <v>58</v>
      </c>
      <c r="J58" s="22">
        <v>10</v>
      </c>
      <c r="K58" s="22">
        <v>48</v>
      </c>
    </row>
    <row r="59" spans="1:11" ht="20.100000000000001" customHeight="1">
      <c r="A59" s="20" t="s">
        <v>113</v>
      </c>
      <c r="B59" s="20"/>
      <c r="C59" s="16">
        <v>3887</v>
      </c>
      <c r="D59" s="17">
        <v>2067</v>
      </c>
      <c r="E59" s="17">
        <v>1820</v>
      </c>
      <c r="F59" s="17"/>
      <c r="G59" s="21" t="s">
        <v>114</v>
      </c>
      <c r="H59" s="20"/>
      <c r="I59" s="16">
        <v>141</v>
      </c>
      <c r="J59" s="17">
        <v>27</v>
      </c>
      <c r="K59" s="17">
        <v>114</v>
      </c>
    </row>
    <row r="60" spans="1:11" ht="15" customHeight="1">
      <c r="A60" s="20" t="s">
        <v>115</v>
      </c>
      <c r="B60" s="20"/>
      <c r="C60" s="16">
        <v>727</v>
      </c>
      <c r="D60" s="22">
        <v>381</v>
      </c>
      <c r="E60" s="22">
        <v>346</v>
      </c>
      <c r="F60" s="22"/>
      <c r="G60" s="21" t="s">
        <v>116</v>
      </c>
      <c r="H60" s="20"/>
      <c r="I60" s="16">
        <v>48</v>
      </c>
      <c r="J60" s="22">
        <v>10</v>
      </c>
      <c r="K60" s="22">
        <v>38</v>
      </c>
    </row>
    <row r="61" spans="1:11" ht="15" customHeight="1">
      <c r="A61" s="20" t="s">
        <v>117</v>
      </c>
      <c r="B61" s="20"/>
      <c r="C61" s="16">
        <v>725</v>
      </c>
      <c r="D61" s="22">
        <v>384</v>
      </c>
      <c r="E61" s="22">
        <v>341</v>
      </c>
      <c r="F61" s="22"/>
      <c r="G61" s="21" t="s">
        <v>118</v>
      </c>
      <c r="H61" s="20"/>
      <c r="I61" s="16">
        <v>45</v>
      </c>
      <c r="J61" s="22">
        <v>7</v>
      </c>
      <c r="K61" s="22">
        <v>38</v>
      </c>
    </row>
    <row r="62" spans="1:11" ht="15" customHeight="1">
      <c r="A62" s="20" t="s">
        <v>119</v>
      </c>
      <c r="B62" s="20"/>
      <c r="C62" s="16">
        <v>728</v>
      </c>
      <c r="D62" s="22">
        <v>382</v>
      </c>
      <c r="E62" s="22">
        <v>346</v>
      </c>
      <c r="F62" s="22"/>
      <c r="G62" s="21" t="s">
        <v>120</v>
      </c>
      <c r="H62" s="20"/>
      <c r="I62" s="16">
        <v>20</v>
      </c>
      <c r="J62" s="22">
        <v>3</v>
      </c>
      <c r="K62" s="22">
        <v>17</v>
      </c>
    </row>
    <row r="63" spans="1:11" ht="15" customHeight="1">
      <c r="A63" s="20" t="s">
        <v>121</v>
      </c>
      <c r="B63" s="20"/>
      <c r="C63" s="16">
        <v>890</v>
      </c>
      <c r="D63" s="22">
        <v>466</v>
      </c>
      <c r="E63" s="22">
        <v>424</v>
      </c>
      <c r="F63" s="22"/>
      <c r="G63" s="21" t="s">
        <v>122</v>
      </c>
      <c r="H63" s="20"/>
      <c r="I63" s="16">
        <v>17</v>
      </c>
      <c r="J63" s="22">
        <v>3</v>
      </c>
      <c r="K63" s="22">
        <v>14</v>
      </c>
    </row>
    <row r="64" spans="1:11" ht="15" customHeight="1">
      <c r="A64" s="20" t="s">
        <v>123</v>
      </c>
      <c r="B64" s="20"/>
      <c r="C64" s="16">
        <v>817</v>
      </c>
      <c r="D64" s="22">
        <v>454</v>
      </c>
      <c r="E64" s="22">
        <v>363</v>
      </c>
      <c r="F64" s="22"/>
      <c r="G64" s="21" t="s">
        <v>124</v>
      </c>
      <c r="H64" s="20"/>
      <c r="I64" s="16">
        <v>11</v>
      </c>
      <c r="J64" s="22">
        <v>4</v>
      </c>
      <c r="K64" s="22">
        <v>7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21</v>
      </c>
      <c r="J65" s="22">
        <v>3</v>
      </c>
      <c r="K65" s="22">
        <v>18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502</v>
      </c>
      <c r="J66" s="32">
        <v>329</v>
      </c>
      <c r="K66" s="32">
        <v>173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7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47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31262</v>
      </c>
      <c r="D4" s="17">
        <v>15205</v>
      </c>
      <c r="E4" s="17">
        <v>16057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855</v>
      </c>
      <c r="D5" s="17">
        <v>427</v>
      </c>
      <c r="E5" s="17">
        <v>428</v>
      </c>
      <c r="F5" s="17"/>
      <c r="G5" s="21" t="s">
        <v>6</v>
      </c>
      <c r="H5" s="20"/>
      <c r="I5" s="16">
        <v>2574</v>
      </c>
      <c r="J5" s="17">
        <v>1298</v>
      </c>
      <c r="K5" s="17">
        <v>1276</v>
      </c>
    </row>
    <row r="6" spans="1:11" ht="15" customHeight="1">
      <c r="A6" s="20" t="s">
        <v>7</v>
      </c>
      <c r="B6" s="20"/>
      <c r="C6" s="16">
        <v>154</v>
      </c>
      <c r="D6" s="22">
        <v>79</v>
      </c>
      <c r="E6" s="22">
        <v>75</v>
      </c>
      <c r="F6" s="22"/>
      <c r="G6" s="21" t="s">
        <v>8</v>
      </c>
      <c r="H6" s="20"/>
      <c r="I6" s="16">
        <v>527</v>
      </c>
      <c r="J6" s="22">
        <v>269</v>
      </c>
      <c r="K6" s="22">
        <v>258</v>
      </c>
    </row>
    <row r="7" spans="1:11" ht="15" customHeight="1">
      <c r="A7" s="20" t="s">
        <v>9</v>
      </c>
      <c r="B7" s="20"/>
      <c r="C7" s="16">
        <v>154</v>
      </c>
      <c r="D7" s="22">
        <v>70</v>
      </c>
      <c r="E7" s="22">
        <v>84</v>
      </c>
      <c r="F7" s="22"/>
      <c r="G7" s="21" t="s">
        <v>10</v>
      </c>
      <c r="H7" s="20"/>
      <c r="I7" s="16">
        <v>502</v>
      </c>
      <c r="J7" s="22">
        <v>243</v>
      </c>
      <c r="K7" s="22">
        <v>259</v>
      </c>
    </row>
    <row r="8" spans="1:11" ht="15" customHeight="1">
      <c r="A8" s="20" t="s">
        <v>11</v>
      </c>
      <c r="B8" s="20"/>
      <c r="C8" s="16">
        <v>156</v>
      </c>
      <c r="D8" s="22">
        <v>78</v>
      </c>
      <c r="E8" s="22">
        <v>78</v>
      </c>
      <c r="F8" s="22"/>
      <c r="G8" s="21" t="s">
        <v>12</v>
      </c>
      <c r="H8" s="20"/>
      <c r="I8" s="16">
        <v>532</v>
      </c>
      <c r="J8" s="22">
        <v>273</v>
      </c>
      <c r="K8" s="22">
        <v>259</v>
      </c>
    </row>
    <row r="9" spans="1:11" ht="15" customHeight="1">
      <c r="A9" s="20" t="s">
        <v>13</v>
      </c>
      <c r="B9" s="20"/>
      <c r="C9" s="16">
        <v>193</v>
      </c>
      <c r="D9" s="22">
        <v>108</v>
      </c>
      <c r="E9" s="22">
        <v>85</v>
      </c>
      <c r="F9" s="22"/>
      <c r="G9" s="21" t="s">
        <v>14</v>
      </c>
      <c r="H9" s="20"/>
      <c r="I9" s="16">
        <v>503</v>
      </c>
      <c r="J9" s="22">
        <v>251</v>
      </c>
      <c r="K9" s="22">
        <v>252</v>
      </c>
    </row>
    <row r="10" spans="1:11" ht="15" customHeight="1">
      <c r="A10" s="20" t="s">
        <v>15</v>
      </c>
      <c r="B10" s="20"/>
      <c r="C10" s="16">
        <v>198</v>
      </c>
      <c r="D10" s="22">
        <v>92</v>
      </c>
      <c r="E10" s="22">
        <v>106</v>
      </c>
      <c r="F10" s="22"/>
      <c r="G10" s="21" t="s">
        <v>16</v>
      </c>
      <c r="H10" s="20"/>
      <c r="I10" s="16">
        <v>510</v>
      </c>
      <c r="J10" s="22">
        <v>262</v>
      </c>
      <c r="K10" s="22">
        <v>248</v>
      </c>
    </row>
    <row r="11" spans="1:11" ht="20.100000000000001" customHeight="1">
      <c r="A11" s="20" t="s">
        <v>17</v>
      </c>
      <c r="B11" s="20"/>
      <c r="C11" s="16">
        <v>1185</v>
      </c>
      <c r="D11" s="17">
        <v>608</v>
      </c>
      <c r="E11" s="17">
        <v>577</v>
      </c>
      <c r="F11" s="17"/>
      <c r="G11" s="21" t="s">
        <v>18</v>
      </c>
      <c r="H11" s="20"/>
      <c r="I11" s="16">
        <v>2195</v>
      </c>
      <c r="J11" s="17">
        <v>1175</v>
      </c>
      <c r="K11" s="17">
        <v>1020</v>
      </c>
    </row>
    <row r="12" spans="1:11" ht="15" customHeight="1">
      <c r="A12" s="20" t="s">
        <v>19</v>
      </c>
      <c r="B12" s="20"/>
      <c r="C12" s="16">
        <v>241</v>
      </c>
      <c r="D12" s="22">
        <v>137</v>
      </c>
      <c r="E12" s="22">
        <v>104</v>
      </c>
      <c r="F12" s="22"/>
      <c r="G12" s="21" t="s">
        <v>20</v>
      </c>
      <c r="H12" s="20"/>
      <c r="I12" s="16">
        <v>520</v>
      </c>
      <c r="J12" s="22">
        <v>271</v>
      </c>
      <c r="K12" s="22">
        <v>249</v>
      </c>
    </row>
    <row r="13" spans="1:11" ht="15" customHeight="1">
      <c r="A13" s="20" t="s">
        <v>21</v>
      </c>
      <c r="B13" s="20"/>
      <c r="C13" s="16">
        <v>234</v>
      </c>
      <c r="D13" s="22">
        <v>119</v>
      </c>
      <c r="E13" s="22">
        <v>115</v>
      </c>
      <c r="F13" s="22"/>
      <c r="G13" s="21" t="s">
        <v>22</v>
      </c>
      <c r="H13" s="20"/>
      <c r="I13" s="16">
        <v>364</v>
      </c>
      <c r="J13" s="22">
        <v>203</v>
      </c>
      <c r="K13" s="22">
        <v>161</v>
      </c>
    </row>
    <row r="14" spans="1:11" ht="15" customHeight="1">
      <c r="A14" s="20" t="s">
        <v>23</v>
      </c>
      <c r="B14" s="20"/>
      <c r="C14" s="16">
        <v>234</v>
      </c>
      <c r="D14" s="22">
        <v>121</v>
      </c>
      <c r="E14" s="22">
        <v>113</v>
      </c>
      <c r="F14" s="22"/>
      <c r="G14" s="21" t="s">
        <v>24</v>
      </c>
      <c r="H14" s="20"/>
      <c r="I14" s="16">
        <v>465</v>
      </c>
      <c r="J14" s="22">
        <v>258</v>
      </c>
      <c r="K14" s="22">
        <v>207</v>
      </c>
    </row>
    <row r="15" spans="1:11" ht="15" customHeight="1">
      <c r="A15" s="20" t="s">
        <v>25</v>
      </c>
      <c r="B15" s="20"/>
      <c r="C15" s="16">
        <v>232</v>
      </c>
      <c r="D15" s="22">
        <v>119</v>
      </c>
      <c r="E15" s="22">
        <v>113</v>
      </c>
      <c r="F15" s="22"/>
      <c r="G15" s="21" t="s">
        <v>26</v>
      </c>
      <c r="H15" s="20"/>
      <c r="I15" s="16">
        <v>432</v>
      </c>
      <c r="J15" s="22">
        <v>219</v>
      </c>
      <c r="K15" s="22">
        <v>213</v>
      </c>
    </row>
    <row r="16" spans="1:11" ht="15" customHeight="1">
      <c r="A16" s="20" t="s">
        <v>27</v>
      </c>
      <c r="B16" s="20"/>
      <c r="C16" s="16">
        <v>244</v>
      </c>
      <c r="D16" s="22">
        <v>112</v>
      </c>
      <c r="E16" s="22">
        <v>132</v>
      </c>
      <c r="F16" s="22"/>
      <c r="G16" s="21" t="s">
        <v>28</v>
      </c>
      <c r="H16" s="20"/>
      <c r="I16" s="16">
        <v>414</v>
      </c>
      <c r="J16" s="22">
        <v>224</v>
      </c>
      <c r="K16" s="22">
        <v>190</v>
      </c>
    </row>
    <row r="17" spans="1:11" ht="20.100000000000001" customHeight="1">
      <c r="A17" s="24" t="s">
        <v>29</v>
      </c>
      <c r="B17" s="24"/>
      <c r="C17" s="16">
        <v>1375</v>
      </c>
      <c r="D17" s="17">
        <v>690</v>
      </c>
      <c r="E17" s="17">
        <v>685</v>
      </c>
      <c r="F17" s="17"/>
      <c r="G17" s="21" t="s">
        <v>30</v>
      </c>
      <c r="H17" s="20"/>
      <c r="I17" s="16">
        <v>1924</v>
      </c>
      <c r="J17" s="17">
        <v>940</v>
      </c>
      <c r="K17" s="17">
        <v>984</v>
      </c>
    </row>
    <row r="18" spans="1:11" ht="15" customHeight="1">
      <c r="A18" s="20" t="s">
        <v>31</v>
      </c>
      <c r="B18" s="20"/>
      <c r="C18" s="16">
        <v>248</v>
      </c>
      <c r="D18" s="22">
        <v>118</v>
      </c>
      <c r="E18" s="22">
        <v>130</v>
      </c>
      <c r="F18" s="22"/>
      <c r="G18" s="21" t="s">
        <v>32</v>
      </c>
      <c r="H18" s="20"/>
      <c r="I18" s="16">
        <v>399</v>
      </c>
      <c r="J18" s="22">
        <v>204</v>
      </c>
      <c r="K18" s="22">
        <v>195</v>
      </c>
    </row>
    <row r="19" spans="1:11" ht="15" customHeight="1">
      <c r="A19" s="20" t="s">
        <v>33</v>
      </c>
      <c r="B19" s="20"/>
      <c r="C19" s="16">
        <v>276</v>
      </c>
      <c r="D19" s="22">
        <v>136</v>
      </c>
      <c r="E19" s="22">
        <v>140</v>
      </c>
      <c r="F19" s="22"/>
      <c r="G19" s="21" t="s">
        <v>34</v>
      </c>
      <c r="H19" s="20"/>
      <c r="I19" s="16">
        <v>364</v>
      </c>
      <c r="J19" s="22">
        <v>184</v>
      </c>
      <c r="K19" s="22">
        <v>180</v>
      </c>
    </row>
    <row r="20" spans="1:11" ht="15" customHeight="1">
      <c r="A20" s="20" t="s">
        <v>35</v>
      </c>
      <c r="B20" s="20"/>
      <c r="C20" s="16">
        <v>299</v>
      </c>
      <c r="D20" s="22">
        <v>157</v>
      </c>
      <c r="E20" s="22">
        <v>142</v>
      </c>
      <c r="F20" s="22"/>
      <c r="G20" s="21" t="s">
        <v>36</v>
      </c>
      <c r="H20" s="20"/>
      <c r="I20" s="16">
        <v>370</v>
      </c>
      <c r="J20" s="22">
        <v>187</v>
      </c>
      <c r="K20" s="22">
        <v>183</v>
      </c>
    </row>
    <row r="21" spans="1:11" ht="15" customHeight="1">
      <c r="A21" s="20" t="s">
        <v>37</v>
      </c>
      <c r="B21" s="20"/>
      <c r="C21" s="16">
        <v>256</v>
      </c>
      <c r="D21" s="22">
        <v>128</v>
      </c>
      <c r="E21" s="22">
        <v>128</v>
      </c>
      <c r="F21" s="22"/>
      <c r="G21" s="21" t="s">
        <v>38</v>
      </c>
      <c r="H21" s="20"/>
      <c r="I21" s="16">
        <v>403</v>
      </c>
      <c r="J21" s="22">
        <v>175</v>
      </c>
      <c r="K21" s="22">
        <v>228</v>
      </c>
    </row>
    <row r="22" spans="1:11" ht="15" customHeight="1">
      <c r="A22" s="20" t="s">
        <v>39</v>
      </c>
      <c r="B22" s="20"/>
      <c r="C22" s="16">
        <v>296</v>
      </c>
      <c r="D22" s="22">
        <v>151</v>
      </c>
      <c r="E22" s="22">
        <v>145</v>
      </c>
      <c r="F22" s="22"/>
      <c r="G22" s="21" t="s">
        <v>40</v>
      </c>
      <c r="H22" s="20"/>
      <c r="I22" s="16">
        <v>388</v>
      </c>
      <c r="J22" s="22">
        <v>190</v>
      </c>
      <c r="K22" s="22">
        <v>198</v>
      </c>
    </row>
    <row r="23" spans="1:11" ht="20.100000000000001" customHeight="1">
      <c r="A23" s="20" t="s">
        <v>41</v>
      </c>
      <c r="B23" s="20"/>
      <c r="C23" s="16">
        <v>1410</v>
      </c>
      <c r="D23" s="17">
        <v>724</v>
      </c>
      <c r="E23" s="17">
        <v>686</v>
      </c>
      <c r="F23" s="17"/>
      <c r="G23" s="21" t="s">
        <v>42</v>
      </c>
      <c r="H23" s="20"/>
      <c r="I23" s="16">
        <v>2018</v>
      </c>
      <c r="J23" s="17">
        <v>964</v>
      </c>
      <c r="K23" s="17">
        <v>1054</v>
      </c>
    </row>
    <row r="24" spans="1:11" ht="15" customHeight="1">
      <c r="A24" s="20" t="s">
        <v>43</v>
      </c>
      <c r="B24" s="20"/>
      <c r="C24" s="16">
        <v>290</v>
      </c>
      <c r="D24" s="22">
        <v>164</v>
      </c>
      <c r="E24" s="22">
        <v>126</v>
      </c>
      <c r="F24" s="22"/>
      <c r="G24" s="21" t="s">
        <v>44</v>
      </c>
      <c r="H24" s="20"/>
      <c r="I24" s="16">
        <v>394</v>
      </c>
      <c r="J24" s="22">
        <v>189</v>
      </c>
      <c r="K24" s="22">
        <v>205</v>
      </c>
    </row>
    <row r="25" spans="1:11" ht="15" customHeight="1">
      <c r="A25" s="20" t="s">
        <v>45</v>
      </c>
      <c r="B25" s="20"/>
      <c r="C25" s="16">
        <v>282</v>
      </c>
      <c r="D25" s="22">
        <v>154</v>
      </c>
      <c r="E25" s="22">
        <v>128</v>
      </c>
      <c r="F25" s="22"/>
      <c r="G25" s="21" t="s">
        <v>46</v>
      </c>
      <c r="H25" s="20"/>
      <c r="I25" s="16">
        <v>391</v>
      </c>
      <c r="J25" s="22">
        <v>186</v>
      </c>
      <c r="K25" s="22">
        <v>205</v>
      </c>
    </row>
    <row r="26" spans="1:11" ht="15" customHeight="1">
      <c r="A26" s="20" t="s">
        <v>47</v>
      </c>
      <c r="B26" s="20"/>
      <c r="C26" s="16">
        <v>289</v>
      </c>
      <c r="D26" s="22">
        <v>132</v>
      </c>
      <c r="E26" s="22">
        <v>157</v>
      </c>
      <c r="F26" s="22"/>
      <c r="G26" s="21" t="s">
        <v>48</v>
      </c>
      <c r="H26" s="20"/>
      <c r="I26" s="16">
        <v>393</v>
      </c>
      <c r="J26" s="22">
        <v>187</v>
      </c>
      <c r="K26" s="22">
        <v>206</v>
      </c>
    </row>
    <row r="27" spans="1:11" ht="15" customHeight="1">
      <c r="A27" s="20" t="s">
        <v>49</v>
      </c>
      <c r="B27" s="20"/>
      <c r="C27" s="16">
        <v>269</v>
      </c>
      <c r="D27" s="22">
        <v>134</v>
      </c>
      <c r="E27" s="22">
        <v>135</v>
      </c>
      <c r="F27" s="22"/>
      <c r="G27" s="21" t="s">
        <v>50</v>
      </c>
      <c r="H27" s="20"/>
      <c r="I27" s="16">
        <v>384</v>
      </c>
      <c r="J27" s="22">
        <v>204</v>
      </c>
      <c r="K27" s="22">
        <v>180</v>
      </c>
    </row>
    <row r="28" spans="1:11" ht="15" customHeight="1">
      <c r="A28" s="20" t="s">
        <v>51</v>
      </c>
      <c r="B28" s="20"/>
      <c r="C28" s="16">
        <v>280</v>
      </c>
      <c r="D28" s="22">
        <v>140</v>
      </c>
      <c r="E28" s="22">
        <v>140</v>
      </c>
      <c r="F28" s="22"/>
      <c r="G28" s="21" t="s">
        <v>52</v>
      </c>
      <c r="H28" s="20"/>
      <c r="I28" s="16">
        <v>456</v>
      </c>
      <c r="J28" s="22">
        <v>198</v>
      </c>
      <c r="K28" s="22">
        <v>258</v>
      </c>
    </row>
    <row r="29" spans="1:11" ht="20.100000000000001" customHeight="1">
      <c r="A29" s="20" t="s">
        <v>53</v>
      </c>
      <c r="B29" s="20"/>
      <c r="C29" s="16">
        <v>1162</v>
      </c>
      <c r="D29" s="17">
        <v>585</v>
      </c>
      <c r="E29" s="17">
        <v>577</v>
      </c>
      <c r="F29" s="17"/>
      <c r="G29" s="21" t="s">
        <v>54</v>
      </c>
      <c r="H29" s="20"/>
      <c r="I29" s="16">
        <v>2732</v>
      </c>
      <c r="J29" s="17">
        <v>1270</v>
      </c>
      <c r="K29" s="17">
        <v>1462</v>
      </c>
    </row>
    <row r="30" spans="1:11" ht="15" customHeight="1">
      <c r="A30" s="20" t="s">
        <v>55</v>
      </c>
      <c r="B30" s="20"/>
      <c r="C30" s="16">
        <v>262</v>
      </c>
      <c r="D30" s="22">
        <v>133</v>
      </c>
      <c r="E30" s="22">
        <v>129</v>
      </c>
      <c r="F30" s="22"/>
      <c r="G30" s="21" t="s">
        <v>56</v>
      </c>
      <c r="H30" s="20"/>
      <c r="I30" s="16">
        <v>472</v>
      </c>
      <c r="J30" s="22">
        <v>199</v>
      </c>
      <c r="K30" s="22">
        <v>273</v>
      </c>
    </row>
    <row r="31" spans="1:11" ht="15" customHeight="1">
      <c r="A31" s="20" t="s">
        <v>57</v>
      </c>
      <c r="B31" s="20"/>
      <c r="C31" s="16">
        <v>233</v>
      </c>
      <c r="D31" s="22">
        <v>128</v>
      </c>
      <c r="E31" s="22">
        <v>105</v>
      </c>
      <c r="F31" s="22"/>
      <c r="G31" s="21" t="s">
        <v>58</v>
      </c>
      <c r="H31" s="20"/>
      <c r="I31" s="16">
        <v>476</v>
      </c>
      <c r="J31" s="22">
        <v>239</v>
      </c>
      <c r="K31" s="22">
        <v>237</v>
      </c>
    </row>
    <row r="32" spans="1:11" ht="15" customHeight="1">
      <c r="A32" s="20" t="s">
        <v>59</v>
      </c>
      <c r="B32" s="20"/>
      <c r="C32" s="16">
        <v>247</v>
      </c>
      <c r="D32" s="22">
        <v>124</v>
      </c>
      <c r="E32" s="22">
        <v>123</v>
      </c>
      <c r="F32" s="22"/>
      <c r="G32" s="21" t="s">
        <v>60</v>
      </c>
      <c r="H32" s="20"/>
      <c r="I32" s="16">
        <v>533</v>
      </c>
      <c r="J32" s="22">
        <v>251</v>
      </c>
      <c r="K32" s="22">
        <v>282</v>
      </c>
    </row>
    <row r="33" spans="1:11" ht="15" customHeight="1">
      <c r="A33" s="20" t="s">
        <v>61</v>
      </c>
      <c r="B33" s="20"/>
      <c r="C33" s="16">
        <v>209</v>
      </c>
      <c r="D33" s="22">
        <v>92</v>
      </c>
      <c r="E33" s="22">
        <v>117</v>
      </c>
      <c r="F33" s="22"/>
      <c r="G33" s="21" t="s">
        <v>62</v>
      </c>
      <c r="H33" s="20"/>
      <c r="I33" s="16">
        <v>635</v>
      </c>
      <c r="J33" s="22">
        <v>301</v>
      </c>
      <c r="K33" s="22">
        <v>334</v>
      </c>
    </row>
    <row r="34" spans="1:11" ht="15" customHeight="1">
      <c r="A34" s="20" t="s">
        <v>63</v>
      </c>
      <c r="B34" s="20"/>
      <c r="C34" s="16">
        <v>211</v>
      </c>
      <c r="D34" s="22">
        <v>108</v>
      </c>
      <c r="E34" s="22">
        <v>103</v>
      </c>
      <c r="F34" s="22"/>
      <c r="G34" s="21" t="s">
        <v>64</v>
      </c>
      <c r="H34" s="20"/>
      <c r="I34" s="16">
        <v>616</v>
      </c>
      <c r="J34" s="22">
        <v>280</v>
      </c>
      <c r="K34" s="22">
        <v>336</v>
      </c>
    </row>
    <row r="35" spans="1:11" ht="20.100000000000001" customHeight="1">
      <c r="A35" s="20" t="s">
        <v>65</v>
      </c>
      <c r="B35" s="20"/>
      <c r="C35" s="16">
        <v>941</v>
      </c>
      <c r="D35" s="17">
        <v>489</v>
      </c>
      <c r="E35" s="17">
        <v>452</v>
      </c>
      <c r="F35" s="17"/>
      <c r="G35" s="21" t="s">
        <v>66</v>
      </c>
      <c r="H35" s="20"/>
      <c r="I35" s="16">
        <v>2434</v>
      </c>
      <c r="J35" s="17">
        <v>1120</v>
      </c>
      <c r="K35" s="17">
        <v>1314</v>
      </c>
    </row>
    <row r="36" spans="1:11" ht="15" customHeight="1">
      <c r="A36" s="20" t="s">
        <v>67</v>
      </c>
      <c r="B36" s="20"/>
      <c r="C36" s="16">
        <v>201</v>
      </c>
      <c r="D36" s="22">
        <v>99</v>
      </c>
      <c r="E36" s="22">
        <v>102</v>
      </c>
      <c r="F36" s="22"/>
      <c r="G36" s="21" t="s">
        <v>68</v>
      </c>
      <c r="H36" s="20"/>
      <c r="I36" s="16">
        <v>642</v>
      </c>
      <c r="J36" s="22">
        <v>305</v>
      </c>
      <c r="K36" s="22">
        <v>337</v>
      </c>
    </row>
    <row r="37" spans="1:11" ht="15" customHeight="1">
      <c r="A37" s="20" t="s">
        <v>69</v>
      </c>
      <c r="B37" s="20"/>
      <c r="C37" s="16">
        <v>185</v>
      </c>
      <c r="D37" s="22">
        <v>94</v>
      </c>
      <c r="E37" s="22">
        <v>91</v>
      </c>
      <c r="F37" s="22"/>
      <c r="G37" s="21" t="s">
        <v>70</v>
      </c>
      <c r="H37" s="20"/>
      <c r="I37" s="16">
        <v>452</v>
      </c>
      <c r="J37" s="22">
        <v>219</v>
      </c>
      <c r="K37" s="22">
        <v>233</v>
      </c>
    </row>
    <row r="38" spans="1:11" ht="15" customHeight="1">
      <c r="A38" s="20" t="s">
        <v>71</v>
      </c>
      <c r="B38" s="20"/>
      <c r="C38" s="16">
        <v>163</v>
      </c>
      <c r="D38" s="22">
        <v>83</v>
      </c>
      <c r="E38" s="22">
        <v>80</v>
      </c>
      <c r="F38" s="22"/>
      <c r="G38" s="21" t="s">
        <v>72</v>
      </c>
      <c r="H38" s="20"/>
      <c r="I38" s="16">
        <v>402</v>
      </c>
      <c r="J38" s="22">
        <v>179</v>
      </c>
      <c r="K38" s="22">
        <v>223</v>
      </c>
    </row>
    <row r="39" spans="1:11" ht="15" customHeight="1">
      <c r="A39" s="20" t="s">
        <v>73</v>
      </c>
      <c r="B39" s="20"/>
      <c r="C39" s="16">
        <v>208</v>
      </c>
      <c r="D39" s="22">
        <v>118</v>
      </c>
      <c r="E39" s="22">
        <v>90</v>
      </c>
      <c r="F39" s="22"/>
      <c r="G39" s="21" t="s">
        <v>74</v>
      </c>
      <c r="H39" s="20"/>
      <c r="I39" s="16">
        <v>440</v>
      </c>
      <c r="J39" s="22">
        <v>195</v>
      </c>
      <c r="K39" s="22">
        <v>245</v>
      </c>
    </row>
    <row r="40" spans="1:11" ht="15" customHeight="1">
      <c r="A40" s="20" t="s">
        <v>75</v>
      </c>
      <c r="B40" s="20"/>
      <c r="C40" s="16">
        <v>184</v>
      </c>
      <c r="D40" s="22">
        <v>95</v>
      </c>
      <c r="E40" s="22">
        <v>89</v>
      </c>
      <c r="F40" s="22"/>
      <c r="G40" s="21" t="s">
        <v>76</v>
      </c>
      <c r="H40" s="20"/>
      <c r="I40" s="16">
        <v>498</v>
      </c>
      <c r="J40" s="22">
        <v>222</v>
      </c>
      <c r="K40" s="22">
        <v>276</v>
      </c>
    </row>
    <row r="41" spans="1:11" ht="20.100000000000001" customHeight="1">
      <c r="A41" s="20" t="s">
        <v>77</v>
      </c>
      <c r="B41" s="20"/>
      <c r="C41" s="16">
        <v>987</v>
      </c>
      <c r="D41" s="17">
        <v>474</v>
      </c>
      <c r="E41" s="17">
        <v>513</v>
      </c>
      <c r="F41" s="17"/>
      <c r="G41" s="21" t="s">
        <v>78</v>
      </c>
      <c r="H41" s="20"/>
      <c r="I41" s="16">
        <v>1872</v>
      </c>
      <c r="J41" s="17">
        <v>879</v>
      </c>
      <c r="K41" s="17">
        <v>993</v>
      </c>
    </row>
    <row r="42" spans="1:11" ht="15" customHeight="1">
      <c r="A42" s="20" t="s">
        <v>79</v>
      </c>
      <c r="B42" s="20"/>
      <c r="C42" s="16">
        <v>164</v>
      </c>
      <c r="D42" s="22">
        <v>73</v>
      </c>
      <c r="E42" s="22">
        <v>91</v>
      </c>
      <c r="F42" s="22"/>
      <c r="G42" s="21" t="s">
        <v>80</v>
      </c>
      <c r="H42" s="20"/>
      <c r="I42" s="16">
        <v>472</v>
      </c>
      <c r="J42" s="22">
        <v>234</v>
      </c>
      <c r="K42" s="22">
        <v>238</v>
      </c>
    </row>
    <row r="43" spans="1:11" ht="15" customHeight="1">
      <c r="A43" s="20" t="s">
        <v>81</v>
      </c>
      <c r="B43" s="20"/>
      <c r="C43" s="16">
        <v>188</v>
      </c>
      <c r="D43" s="22">
        <v>92</v>
      </c>
      <c r="E43" s="22">
        <v>96</v>
      </c>
      <c r="F43" s="22"/>
      <c r="G43" s="21" t="s">
        <v>82</v>
      </c>
      <c r="H43" s="20"/>
      <c r="I43" s="16">
        <v>436</v>
      </c>
      <c r="J43" s="22">
        <v>218</v>
      </c>
      <c r="K43" s="22">
        <v>218</v>
      </c>
    </row>
    <row r="44" spans="1:11" ht="15" customHeight="1">
      <c r="A44" s="20" t="s">
        <v>83</v>
      </c>
      <c r="B44" s="20"/>
      <c r="C44" s="16">
        <v>177</v>
      </c>
      <c r="D44" s="22">
        <v>88</v>
      </c>
      <c r="E44" s="22">
        <v>89</v>
      </c>
      <c r="F44" s="22"/>
      <c r="G44" s="21" t="s">
        <v>84</v>
      </c>
      <c r="H44" s="20"/>
      <c r="I44" s="16">
        <v>359</v>
      </c>
      <c r="J44" s="22">
        <v>154</v>
      </c>
      <c r="K44" s="22">
        <v>205</v>
      </c>
    </row>
    <row r="45" spans="1:11" ht="15" customHeight="1">
      <c r="A45" s="20" t="s">
        <v>85</v>
      </c>
      <c r="B45" s="20"/>
      <c r="C45" s="16">
        <v>210</v>
      </c>
      <c r="D45" s="22">
        <v>111</v>
      </c>
      <c r="E45" s="22">
        <v>99</v>
      </c>
      <c r="F45" s="22"/>
      <c r="G45" s="21" t="s">
        <v>86</v>
      </c>
      <c r="H45" s="20"/>
      <c r="I45" s="16">
        <v>313</v>
      </c>
      <c r="J45" s="22">
        <v>146</v>
      </c>
      <c r="K45" s="22">
        <v>167</v>
      </c>
    </row>
    <row r="46" spans="1:11" ht="15" customHeight="1">
      <c r="A46" s="20" t="s">
        <v>87</v>
      </c>
      <c r="B46" s="20"/>
      <c r="C46" s="16">
        <v>248</v>
      </c>
      <c r="D46" s="22">
        <v>110</v>
      </c>
      <c r="E46" s="22">
        <v>138</v>
      </c>
      <c r="F46" s="22"/>
      <c r="G46" s="21" t="s">
        <v>88</v>
      </c>
      <c r="H46" s="20"/>
      <c r="I46" s="16">
        <v>292</v>
      </c>
      <c r="J46" s="22">
        <v>127</v>
      </c>
      <c r="K46" s="22">
        <v>165</v>
      </c>
    </row>
    <row r="47" spans="1:11" ht="20.100000000000001" customHeight="1">
      <c r="A47" s="20" t="s">
        <v>89</v>
      </c>
      <c r="B47" s="20"/>
      <c r="C47" s="16">
        <v>1459</v>
      </c>
      <c r="D47" s="17">
        <v>736</v>
      </c>
      <c r="E47" s="17">
        <v>723</v>
      </c>
      <c r="F47" s="17"/>
      <c r="G47" s="21" t="s">
        <v>90</v>
      </c>
      <c r="H47" s="20"/>
      <c r="I47" s="16">
        <v>1125</v>
      </c>
      <c r="J47" s="17">
        <v>428</v>
      </c>
      <c r="K47" s="17">
        <v>697</v>
      </c>
    </row>
    <row r="48" spans="1:11" ht="15" customHeight="1">
      <c r="A48" s="20" t="s">
        <v>91</v>
      </c>
      <c r="B48" s="20"/>
      <c r="C48" s="16">
        <v>244</v>
      </c>
      <c r="D48" s="22">
        <v>113</v>
      </c>
      <c r="E48" s="22">
        <v>131</v>
      </c>
      <c r="F48" s="22"/>
      <c r="G48" s="21" t="s">
        <v>92</v>
      </c>
      <c r="H48" s="20"/>
      <c r="I48" s="16">
        <v>299</v>
      </c>
      <c r="J48" s="22">
        <v>133</v>
      </c>
      <c r="K48" s="22">
        <v>166</v>
      </c>
    </row>
    <row r="49" spans="1:11" ht="15" customHeight="1">
      <c r="A49" s="20" t="s">
        <v>93</v>
      </c>
      <c r="B49" s="20"/>
      <c r="C49" s="16">
        <v>266</v>
      </c>
      <c r="D49" s="22">
        <v>142</v>
      </c>
      <c r="E49" s="22">
        <v>124</v>
      </c>
      <c r="F49" s="22"/>
      <c r="G49" s="21" t="s">
        <v>94</v>
      </c>
      <c r="H49" s="20"/>
      <c r="I49" s="16">
        <v>251</v>
      </c>
      <c r="J49" s="22">
        <v>82</v>
      </c>
      <c r="K49" s="22">
        <v>169</v>
      </c>
    </row>
    <row r="50" spans="1:11" ht="15" customHeight="1">
      <c r="A50" s="20" t="s">
        <v>95</v>
      </c>
      <c r="B50" s="20"/>
      <c r="C50" s="16">
        <v>264</v>
      </c>
      <c r="D50" s="22">
        <v>133</v>
      </c>
      <c r="E50" s="22">
        <v>131</v>
      </c>
      <c r="F50" s="22"/>
      <c r="G50" s="21" t="s">
        <v>96</v>
      </c>
      <c r="H50" s="20"/>
      <c r="I50" s="16">
        <v>231</v>
      </c>
      <c r="J50" s="22">
        <v>87</v>
      </c>
      <c r="K50" s="22">
        <v>144</v>
      </c>
    </row>
    <row r="51" spans="1:11" ht="15" customHeight="1">
      <c r="A51" s="20" t="s">
        <v>97</v>
      </c>
      <c r="B51" s="20"/>
      <c r="C51" s="16">
        <v>352</v>
      </c>
      <c r="D51" s="22">
        <v>182</v>
      </c>
      <c r="E51" s="22">
        <v>170</v>
      </c>
      <c r="F51" s="22"/>
      <c r="G51" s="21" t="s">
        <v>98</v>
      </c>
      <c r="H51" s="20"/>
      <c r="I51" s="16">
        <v>183</v>
      </c>
      <c r="J51" s="22">
        <v>66</v>
      </c>
      <c r="K51" s="22">
        <v>117</v>
      </c>
    </row>
    <row r="52" spans="1:11" ht="15" customHeight="1">
      <c r="A52" s="20" t="s">
        <v>99</v>
      </c>
      <c r="B52" s="20"/>
      <c r="C52" s="16">
        <v>333</v>
      </c>
      <c r="D52" s="22">
        <v>166</v>
      </c>
      <c r="E52" s="22">
        <v>167</v>
      </c>
      <c r="F52" s="22"/>
      <c r="G52" s="21" t="s">
        <v>100</v>
      </c>
      <c r="H52" s="20"/>
      <c r="I52" s="16">
        <v>161</v>
      </c>
      <c r="J52" s="22">
        <v>60</v>
      </c>
      <c r="K52" s="22">
        <v>101</v>
      </c>
    </row>
    <row r="53" spans="1:11" ht="20.100000000000001" customHeight="1">
      <c r="A53" s="20" t="s">
        <v>101</v>
      </c>
      <c r="B53" s="20"/>
      <c r="C53" s="16">
        <v>1878</v>
      </c>
      <c r="D53" s="17">
        <v>940</v>
      </c>
      <c r="E53" s="17">
        <v>938</v>
      </c>
      <c r="F53" s="17"/>
      <c r="G53" s="21" t="s">
        <v>102</v>
      </c>
      <c r="H53" s="20"/>
      <c r="I53" s="16">
        <v>506</v>
      </c>
      <c r="J53" s="17">
        <v>165</v>
      </c>
      <c r="K53" s="17">
        <v>341</v>
      </c>
    </row>
    <row r="54" spans="1:11" ht="15" customHeight="1">
      <c r="A54" s="20" t="s">
        <v>103</v>
      </c>
      <c r="B54" s="20"/>
      <c r="C54" s="16">
        <v>332</v>
      </c>
      <c r="D54" s="22">
        <v>164</v>
      </c>
      <c r="E54" s="22">
        <v>168</v>
      </c>
      <c r="F54" s="22"/>
      <c r="G54" s="21" t="s">
        <v>104</v>
      </c>
      <c r="H54" s="20"/>
      <c r="I54" s="16">
        <v>133</v>
      </c>
      <c r="J54" s="22">
        <v>47</v>
      </c>
      <c r="K54" s="22">
        <v>86</v>
      </c>
    </row>
    <row r="55" spans="1:11" ht="15" customHeight="1">
      <c r="A55" s="20" t="s">
        <v>105</v>
      </c>
      <c r="B55" s="20"/>
      <c r="C55" s="16">
        <v>393</v>
      </c>
      <c r="D55" s="22">
        <v>188</v>
      </c>
      <c r="E55" s="22">
        <v>205</v>
      </c>
      <c r="F55" s="22"/>
      <c r="G55" s="21" t="s">
        <v>106</v>
      </c>
      <c r="H55" s="20"/>
      <c r="I55" s="16">
        <v>125</v>
      </c>
      <c r="J55" s="22">
        <v>36</v>
      </c>
      <c r="K55" s="22">
        <v>89</v>
      </c>
    </row>
    <row r="56" spans="1:11" ht="15" customHeight="1">
      <c r="A56" s="20" t="s">
        <v>107</v>
      </c>
      <c r="B56" s="20"/>
      <c r="C56" s="16">
        <v>359</v>
      </c>
      <c r="D56" s="22">
        <v>180</v>
      </c>
      <c r="E56" s="22">
        <v>179</v>
      </c>
      <c r="F56" s="22"/>
      <c r="G56" s="21" t="s">
        <v>108</v>
      </c>
      <c r="H56" s="20"/>
      <c r="I56" s="16">
        <v>92</v>
      </c>
      <c r="J56" s="22">
        <v>32</v>
      </c>
      <c r="K56" s="22">
        <v>60</v>
      </c>
    </row>
    <row r="57" spans="1:11" ht="15" customHeight="1">
      <c r="A57" s="20" t="s">
        <v>109</v>
      </c>
      <c r="B57" s="20"/>
      <c r="C57" s="16">
        <v>363</v>
      </c>
      <c r="D57" s="22">
        <v>178</v>
      </c>
      <c r="E57" s="22">
        <v>185</v>
      </c>
      <c r="F57" s="22"/>
      <c r="G57" s="21" t="s">
        <v>110</v>
      </c>
      <c r="H57" s="20"/>
      <c r="I57" s="16">
        <v>70</v>
      </c>
      <c r="J57" s="22">
        <v>16</v>
      </c>
      <c r="K57" s="22">
        <v>54</v>
      </c>
    </row>
    <row r="58" spans="1:11" ht="15" customHeight="1">
      <c r="A58" s="20" t="s">
        <v>111</v>
      </c>
      <c r="B58" s="20"/>
      <c r="C58" s="16">
        <v>431</v>
      </c>
      <c r="D58" s="22">
        <v>230</v>
      </c>
      <c r="E58" s="22">
        <v>201</v>
      </c>
      <c r="F58" s="22"/>
      <c r="G58" s="21" t="s">
        <v>112</v>
      </c>
      <c r="H58" s="20"/>
      <c r="I58" s="16">
        <v>86</v>
      </c>
      <c r="J58" s="22">
        <v>34</v>
      </c>
      <c r="K58" s="22">
        <v>52</v>
      </c>
    </row>
    <row r="59" spans="1:11" ht="20.100000000000001" customHeight="1">
      <c r="A59" s="20" t="s">
        <v>113</v>
      </c>
      <c r="B59" s="20"/>
      <c r="C59" s="16">
        <v>2455</v>
      </c>
      <c r="D59" s="17">
        <v>1248</v>
      </c>
      <c r="E59" s="17">
        <v>1207</v>
      </c>
      <c r="F59" s="17"/>
      <c r="G59" s="21" t="s">
        <v>114</v>
      </c>
      <c r="H59" s="20"/>
      <c r="I59" s="16">
        <v>147</v>
      </c>
      <c r="J59" s="17">
        <v>29</v>
      </c>
      <c r="K59" s="17">
        <v>118</v>
      </c>
    </row>
    <row r="60" spans="1:11" ht="15" customHeight="1">
      <c r="A60" s="20" t="s">
        <v>115</v>
      </c>
      <c r="B60" s="20"/>
      <c r="C60" s="16">
        <v>455</v>
      </c>
      <c r="D60" s="22">
        <v>222</v>
      </c>
      <c r="E60" s="22">
        <v>233</v>
      </c>
      <c r="F60" s="22"/>
      <c r="G60" s="21" t="s">
        <v>116</v>
      </c>
      <c r="H60" s="20"/>
      <c r="I60" s="16">
        <v>52</v>
      </c>
      <c r="J60" s="22">
        <v>14</v>
      </c>
      <c r="K60" s="22">
        <v>38</v>
      </c>
    </row>
    <row r="61" spans="1:11" ht="15" customHeight="1">
      <c r="A61" s="20" t="s">
        <v>117</v>
      </c>
      <c r="B61" s="20"/>
      <c r="C61" s="16">
        <v>464</v>
      </c>
      <c r="D61" s="22">
        <v>242</v>
      </c>
      <c r="E61" s="22">
        <v>222</v>
      </c>
      <c r="F61" s="22"/>
      <c r="G61" s="21" t="s">
        <v>118</v>
      </c>
      <c r="H61" s="20"/>
      <c r="I61" s="16">
        <v>31</v>
      </c>
      <c r="J61" s="22">
        <v>10</v>
      </c>
      <c r="K61" s="22">
        <v>21</v>
      </c>
    </row>
    <row r="62" spans="1:11" ht="15" customHeight="1">
      <c r="A62" s="20" t="s">
        <v>119</v>
      </c>
      <c r="B62" s="20"/>
      <c r="C62" s="16">
        <v>471</v>
      </c>
      <c r="D62" s="22">
        <v>245</v>
      </c>
      <c r="E62" s="22">
        <v>226</v>
      </c>
      <c r="F62" s="22"/>
      <c r="G62" s="21" t="s">
        <v>120</v>
      </c>
      <c r="H62" s="20"/>
      <c r="I62" s="16">
        <v>20</v>
      </c>
      <c r="J62" s="22">
        <v>4</v>
      </c>
      <c r="K62" s="22">
        <v>16</v>
      </c>
    </row>
    <row r="63" spans="1:11" ht="15" customHeight="1">
      <c r="A63" s="20" t="s">
        <v>121</v>
      </c>
      <c r="B63" s="20"/>
      <c r="C63" s="16">
        <v>533</v>
      </c>
      <c r="D63" s="22">
        <v>266</v>
      </c>
      <c r="E63" s="22">
        <v>267</v>
      </c>
      <c r="F63" s="22"/>
      <c r="G63" s="21" t="s">
        <v>122</v>
      </c>
      <c r="H63" s="20"/>
      <c r="I63" s="16">
        <v>26</v>
      </c>
      <c r="J63" s="22">
        <v>1</v>
      </c>
      <c r="K63" s="22">
        <v>25</v>
      </c>
    </row>
    <row r="64" spans="1:11" ht="15" customHeight="1">
      <c r="A64" s="20" t="s">
        <v>123</v>
      </c>
      <c r="B64" s="20"/>
      <c r="C64" s="16">
        <v>532</v>
      </c>
      <c r="D64" s="22">
        <v>273</v>
      </c>
      <c r="E64" s="22">
        <v>259</v>
      </c>
      <c r="F64" s="22"/>
      <c r="G64" s="21" t="s">
        <v>124</v>
      </c>
      <c r="H64" s="20"/>
      <c r="I64" s="16">
        <v>18</v>
      </c>
      <c r="J64" s="22">
        <v>0</v>
      </c>
      <c r="K64" s="22">
        <v>18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9</v>
      </c>
      <c r="J65" s="22">
        <v>2</v>
      </c>
      <c r="K65" s="22">
        <v>7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9</v>
      </c>
      <c r="J66" s="32">
        <v>14</v>
      </c>
      <c r="K66" s="32">
        <v>5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8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48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7111</v>
      </c>
      <c r="D4" s="17">
        <v>13043</v>
      </c>
      <c r="E4" s="17">
        <v>14068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688</v>
      </c>
      <c r="D5" s="17">
        <v>361</v>
      </c>
      <c r="E5" s="17">
        <v>327</v>
      </c>
      <c r="F5" s="17"/>
      <c r="G5" s="21" t="s">
        <v>6</v>
      </c>
      <c r="H5" s="20"/>
      <c r="I5" s="16">
        <v>2145</v>
      </c>
      <c r="J5" s="17">
        <v>1066</v>
      </c>
      <c r="K5" s="17">
        <v>1079</v>
      </c>
    </row>
    <row r="6" spans="1:11" ht="15" customHeight="1">
      <c r="A6" s="20" t="s">
        <v>7</v>
      </c>
      <c r="B6" s="20"/>
      <c r="C6" s="16">
        <v>112</v>
      </c>
      <c r="D6" s="22">
        <v>66</v>
      </c>
      <c r="E6" s="22">
        <v>46</v>
      </c>
      <c r="F6" s="22"/>
      <c r="G6" s="21" t="s">
        <v>8</v>
      </c>
      <c r="H6" s="20"/>
      <c r="I6" s="16">
        <v>416</v>
      </c>
      <c r="J6" s="22">
        <v>198</v>
      </c>
      <c r="K6" s="22">
        <v>218</v>
      </c>
    </row>
    <row r="7" spans="1:11" ht="15" customHeight="1">
      <c r="A7" s="20" t="s">
        <v>9</v>
      </c>
      <c r="B7" s="20"/>
      <c r="C7" s="16">
        <v>117</v>
      </c>
      <c r="D7" s="22">
        <v>54</v>
      </c>
      <c r="E7" s="22">
        <v>63</v>
      </c>
      <c r="F7" s="22"/>
      <c r="G7" s="21" t="s">
        <v>10</v>
      </c>
      <c r="H7" s="20"/>
      <c r="I7" s="16">
        <v>433</v>
      </c>
      <c r="J7" s="22">
        <v>206</v>
      </c>
      <c r="K7" s="22">
        <v>227</v>
      </c>
    </row>
    <row r="8" spans="1:11" ht="15" customHeight="1">
      <c r="A8" s="20" t="s">
        <v>11</v>
      </c>
      <c r="B8" s="20"/>
      <c r="C8" s="16">
        <v>143</v>
      </c>
      <c r="D8" s="22">
        <v>76</v>
      </c>
      <c r="E8" s="22">
        <v>67</v>
      </c>
      <c r="F8" s="22"/>
      <c r="G8" s="21" t="s">
        <v>12</v>
      </c>
      <c r="H8" s="20"/>
      <c r="I8" s="16">
        <v>454</v>
      </c>
      <c r="J8" s="22">
        <v>244</v>
      </c>
      <c r="K8" s="22">
        <v>210</v>
      </c>
    </row>
    <row r="9" spans="1:11" ht="15" customHeight="1">
      <c r="A9" s="20" t="s">
        <v>13</v>
      </c>
      <c r="B9" s="20"/>
      <c r="C9" s="16">
        <v>142</v>
      </c>
      <c r="D9" s="22">
        <v>81</v>
      </c>
      <c r="E9" s="22">
        <v>61</v>
      </c>
      <c r="F9" s="22"/>
      <c r="G9" s="21" t="s">
        <v>14</v>
      </c>
      <c r="H9" s="20"/>
      <c r="I9" s="16">
        <v>389</v>
      </c>
      <c r="J9" s="22">
        <v>203</v>
      </c>
      <c r="K9" s="22">
        <v>186</v>
      </c>
    </row>
    <row r="10" spans="1:11" ht="15" customHeight="1">
      <c r="A10" s="20" t="s">
        <v>15</v>
      </c>
      <c r="B10" s="20"/>
      <c r="C10" s="16">
        <v>174</v>
      </c>
      <c r="D10" s="22">
        <v>84</v>
      </c>
      <c r="E10" s="22">
        <v>90</v>
      </c>
      <c r="F10" s="22"/>
      <c r="G10" s="21" t="s">
        <v>16</v>
      </c>
      <c r="H10" s="20"/>
      <c r="I10" s="16">
        <v>453</v>
      </c>
      <c r="J10" s="22">
        <v>215</v>
      </c>
      <c r="K10" s="22">
        <v>238</v>
      </c>
    </row>
    <row r="11" spans="1:11" ht="20.100000000000001" customHeight="1">
      <c r="A11" s="20" t="s">
        <v>17</v>
      </c>
      <c r="B11" s="20"/>
      <c r="C11" s="16">
        <v>935</v>
      </c>
      <c r="D11" s="17">
        <v>483</v>
      </c>
      <c r="E11" s="17">
        <v>452</v>
      </c>
      <c r="F11" s="17"/>
      <c r="G11" s="21" t="s">
        <v>18</v>
      </c>
      <c r="H11" s="20"/>
      <c r="I11" s="16">
        <v>1971</v>
      </c>
      <c r="J11" s="17">
        <v>973</v>
      </c>
      <c r="K11" s="17">
        <v>998</v>
      </c>
    </row>
    <row r="12" spans="1:11" ht="15" customHeight="1">
      <c r="A12" s="20" t="s">
        <v>19</v>
      </c>
      <c r="B12" s="20"/>
      <c r="C12" s="16">
        <v>169</v>
      </c>
      <c r="D12" s="22">
        <v>94</v>
      </c>
      <c r="E12" s="22">
        <v>75</v>
      </c>
      <c r="F12" s="22"/>
      <c r="G12" s="21" t="s">
        <v>20</v>
      </c>
      <c r="H12" s="20"/>
      <c r="I12" s="16">
        <v>450</v>
      </c>
      <c r="J12" s="22">
        <v>245</v>
      </c>
      <c r="K12" s="22">
        <v>205</v>
      </c>
    </row>
    <row r="13" spans="1:11" ht="15" customHeight="1">
      <c r="A13" s="20" t="s">
        <v>21</v>
      </c>
      <c r="B13" s="20"/>
      <c r="C13" s="16">
        <v>199</v>
      </c>
      <c r="D13" s="22">
        <v>92</v>
      </c>
      <c r="E13" s="22">
        <v>107</v>
      </c>
      <c r="F13" s="22"/>
      <c r="G13" s="21" t="s">
        <v>22</v>
      </c>
      <c r="H13" s="20"/>
      <c r="I13" s="16">
        <v>333</v>
      </c>
      <c r="J13" s="22">
        <v>156</v>
      </c>
      <c r="K13" s="22">
        <v>177</v>
      </c>
    </row>
    <row r="14" spans="1:11" ht="15" customHeight="1">
      <c r="A14" s="20" t="s">
        <v>23</v>
      </c>
      <c r="B14" s="20"/>
      <c r="C14" s="16">
        <v>191</v>
      </c>
      <c r="D14" s="22">
        <v>110</v>
      </c>
      <c r="E14" s="22">
        <v>81</v>
      </c>
      <c r="F14" s="22"/>
      <c r="G14" s="21" t="s">
        <v>24</v>
      </c>
      <c r="H14" s="20"/>
      <c r="I14" s="16">
        <v>448</v>
      </c>
      <c r="J14" s="22">
        <v>227</v>
      </c>
      <c r="K14" s="22">
        <v>221</v>
      </c>
    </row>
    <row r="15" spans="1:11" ht="15" customHeight="1">
      <c r="A15" s="20" t="s">
        <v>25</v>
      </c>
      <c r="B15" s="20"/>
      <c r="C15" s="16">
        <v>178</v>
      </c>
      <c r="D15" s="22">
        <v>97</v>
      </c>
      <c r="E15" s="22">
        <v>81</v>
      </c>
      <c r="F15" s="22"/>
      <c r="G15" s="21" t="s">
        <v>26</v>
      </c>
      <c r="H15" s="20"/>
      <c r="I15" s="16">
        <v>398</v>
      </c>
      <c r="J15" s="22">
        <v>189</v>
      </c>
      <c r="K15" s="22">
        <v>209</v>
      </c>
    </row>
    <row r="16" spans="1:11" ht="15" customHeight="1">
      <c r="A16" s="20" t="s">
        <v>27</v>
      </c>
      <c r="B16" s="20"/>
      <c r="C16" s="16">
        <v>198</v>
      </c>
      <c r="D16" s="22">
        <v>90</v>
      </c>
      <c r="E16" s="22">
        <v>108</v>
      </c>
      <c r="F16" s="22"/>
      <c r="G16" s="21" t="s">
        <v>28</v>
      </c>
      <c r="H16" s="20"/>
      <c r="I16" s="16">
        <v>342</v>
      </c>
      <c r="J16" s="22">
        <v>156</v>
      </c>
      <c r="K16" s="22">
        <v>186</v>
      </c>
    </row>
    <row r="17" spans="1:11" ht="20.100000000000001" customHeight="1">
      <c r="A17" s="24" t="s">
        <v>29</v>
      </c>
      <c r="B17" s="24"/>
      <c r="C17" s="16">
        <v>1035</v>
      </c>
      <c r="D17" s="17">
        <v>541</v>
      </c>
      <c r="E17" s="17">
        <v>494</v>
      </c>
      <c r="F17" s="17"/>
      <c r="G17" s="21" t="s">
        <v>30</v>
      </c>
      <c r="H17" s="20"/>
      <c r="I17" s="16">
        <v>1821</v>
      </c>
      <c r="J17" s="17">
        <v>900</v>
      </c>
      <c r="K17" s="17">
        <v>921</v>
      </c>
    </row>
    <row r="18" spans="1:11" ht="15" customHeight="1">
      <c r="A18" s="20" t="s">
        <v>31</v>
      </c>
      <c r="B18" s="20"/>
      <c r="C18" s="16">
        <v>205</v>
      </c>
      <c r="D18" s="22">
        <v>109</v>
      </c>
      <c r="E18" s="22">
        <v>96</v>
      </c>
      <c r="F18" s="22"/>
      <c r="G18" s="21" t="s">
        <v>32</v>
      </c>
      <c r="H18" s="20"/>
      <c r="I18" s="16">
        <v>376</v>
      </c>
      <c r="J18" s="22">
        <v>199</v>
      </c>
      <c r="K18" s="22">
        <v>177</v>
      </c>
    </row>
    <row r="19" spans="1:11" ht="15" customHeight="1">
      <c r="A19" s="20" t="s">
        <v>33</v>
      </c>
      <c r="B19" s="20"/>
      <c r="C19" s="16">
        <v>194</v>
      </c>
      <c r="D19" s="22">
        <v>102</v>
      </c>
      <c r="E19" s="22">
        <v>92</v>
      </c>
      <c r="F19" s="22"/>
      <c r="G19" s="21" t="s">
        <v>34</v>
      </c>
      <c r="H19" s="20"/>
      <c r="I19" s="16">
        <v>358</v>
      </c>
      <c r="J19" s="22">
        <v>165</v>
      </c>
      <c r="K19" s="22">
        <v>193</v>
      </c>
    </row>
    <row r="20" spans="1:11" ht="15" customHeight="1">
      <c r="A20" s="20" t="s">
        <v>35</v>
      </c>
      <c r="B20" s="20"/>
      <c r="C20" s="16">
        <v>210</v>
      </c>
      <c r="D20" s="22">
        <v>122</v>
      </c>
      <c r="E20" s="22">
        <v>88</v>
      </c>
      <c r="F20" s="22"/>
      <c r="G20" s="21" t="s">
        <v>36</v>
      </c>
      <c r="H20" s="20"/>
      <c r="I20" s="16">
        <v>358</v>
      </c>
      <c r="J20" s="22">
        <v>175</v>
      </c>
      <c r="K20" s="22">
        <v>183</v>
      </c>
    </row>
    <row r="21" spans="1:11" ht="15" customHeight="1">
      <c r="A21" s="20" t="s">
        <v>37</v>
      </c>
      <c r="B21" s="20"/>
      <c r="C21" s="16">
        <v>232</v>
      </c>
      <c r="D21" s="22">
        <v>104</v>
      </c>
      <c r="E21" s="22">
        <v>128</v>
      </c>
      <c r="F21" s="22"/>
      <c r="G21" s="21" t="s">
        <v>38</v>
      </c>
      <c r="H21" s="20"/>
      <c r="I21" s="16">
        <v>365</v>
      </c>
      <c r="J21" s="22">
        <v>182</v>
      </c>
      <c r="K21" s="22">
        <v>183</v>
      </c>
    </row>
    <row r="22" spans="1:11" ht="15" customHeight="1">
      <c r="A22" s="20" t="s">
        <v>39</v>
      </c>
      <c r="B22" s="20"/>
      <c r="C22" s="16">
        <v>194</v>
      </c>
      <c r="D22" s="22">
        <v>104</v>
      </c>
      <c r="E22" s="22">
        <v>90</v>
      </c>
      <c r="F22" s="22"/>
      <c r="G22" s="21" t="s">
        <v>40</v>
      </c>
      <c r="H22" s="20"/>
      <c r="I22" s="16">
        <v>364</v>
      </c>
      <c r="J22" s="22">
        <v>179</v>
      </c>
      <c r="K22" s="22">
        <v>185</v>
      </c>
    </row>
    <row r="23" spans="1:11" ht="20.100000000000001" customHeight="1">
      <c r="A23" s="20" t="s">
        <v>41</v>
      </c>
      <c r="B23" s="20"/>
      <c r="C23" s="16">
        <v>1152</v>
      </c>
      <c r="D23" s="17">
        <v>595</v>
      </c>
      <c r="E23" s="17">
        <v>557</v>
      </c>
      <c r="F23" s="17"/>
      <c r="G23" s="21" t="s">
        <v>42</v>
      </c>
      <c r="H23" s="20"/>
      <c r="I23" s="16">
        <v>1684</v>
      </c>
      <c r="J23" s="17">
        <v>844</v>
      </c>
      <c r="K23" s="17">
        <v>840</v>
      </c>
    </row>
    <row r="24" spans="1:11" ht="15" customHeight="1">
      <c r="A24" s="20" t="s">
        <v>43</v>
      </c>
      <c r="B24" s="20"/>
      <c r="C24" s="16">
        <v>225</v>
      </c>
      <c r="D24" s="22">
        <v>117</v>
      </c>
      <c r="E24" s="22">
        <v>108</v>
      </c>
      <c r="F24" s="22"/>
      <c r="G24" s="21" t="s">
        <v>44</v>
      </c>
      <c r="H24" s="20"/>
      <c r="I24" s="16">
        <v>292</v>
      </c>
      <c r="J24" s="22">
        <v>158</v>
      </c>
      <c r="K24" s="22">
        <v>134</v>
      </c>
    </row>
    <row r="25" spans="1:11" ht="15" customHeight="1">
      <c r="A25" s="20" t="s">
        <v>45</v>
      </c>
      <c r="B25" s="20"/>
      <c r="C25" s="16">
        <v>251</v>
      </c>
      <c r="D25" s="22">
        <v>132</v>
      </c>
      <c r="E25" s="22">
        <v>119</v>
      </c>
      <c r="F25" s="22"/>
      <c r="G25" s="21" t="s">
        <v>46</v>
      </c>
      <c r="H25" s="20"/>
      <c r="I25" s="16">
        <v>351</v>
      </c>
      <c r="J25" s="22">
        <v>167</v>
      </c>
      <c r="K25" s="22">
        <v>184</v>
      </c>
    </row>
    <row r="26" spans="1:11" ht="15" customHeight="1">
      <c r="A26" s="20" t="s">
        <v>47</v>
      </c>
      <c r="B26" s="20"/>
      <c r="C26" s="16">
        <v>229</v>
      </c>
      <c r="D26" s="22">
        <v>113</v>
      </c>
      <c r="E26" s="22">
        <v>116</v>
      </c>
      <c r="F26" s="22"/>
      <c r="G26" s="21" t="s">
        <v>48</v>
      </c>
      <c r="H26" s="20"/>
      <c r="I26" s="16">
        <v>378</v>
      </c>
      <c r="J26" s="22">
        <v>188</v>
      </c>
      <c r="K26" s="22">
        <v>190</v>
      </c>
    </row>
    <row r="27" spans="1:11" ht="15" customHeight="1">
      <c r="A27" s="20" t="s">
        <v>49</v>
      </c>
      <c r="B27" s="20"/>
      <c r="C27" s="16">
        <v>212</v>
      </c>
      <c r="D27" s="22">
        <v>111</v>
      </c>
      <c r="E27" s="22">
        <v>101</v>
      </c>
      <c r="F27" s="22"/>
      <c r="G27" s="21" t="s">
        <v>50</v>
      </c>
      <c r="H27" s="20"/>
      <c r="I27" s="16">
        <v>323</v>
      </c>
      <c r="J27" s="22">
        <v>159</v>
      </c>
      <c r="K27" s="22">
        <v>164</v>
      </c>
    </row>
    <row r="28" spans="1:11" ht="15" customHeight="1">
      <c r="A28" s="20" t="s">
        <v>51</v>
      </c>
      <c r="B28" s="20"/>
      <c r="C28" s="16">
        <v>235</v>
      </c>
      <c r="D28" s="22">
        <v>122</v>
      </c>
      <c r="E28" s="22">
        <v>113</v>
      </c>
      <c r="F28" s="22"/>
      <c r="G28" s="21" t="s">
        <v>52</v>
      </c>
      <c r="H28" s="20"/>
      <c r="I28" s="16">
        <v>340</v>
      </c>
      <c r="J28" s="22">
        <v>172</v>
      </c>
      <c r="K28" s="22">
        <v>168</v>
      </c>
    </row>
    <row r="29" spans="1:11" ht="20.100000000000001" customHeight="1">
      <c r="A29" s="20" t="s">
        <v>53</v>
      </c>
      <c r="B29" s="20"/>
      <c r="C29" s="16">
        <v>1070</v>
      </c>
      <c r="D29" s="17">
        <v>531</v>
      </c>
      <c r="E29" s="17">
        <v>539</v>
      </c>
      <c r="F29" s="17"/>
      <c r="G29" s="21" t="s">
        <v>54</v>
      </c>
      <c r="H29" s="20"/>
      <c r="I29" s="16">
        <v>2329</v>
      </c>
      <c r="J29" s="17">
        <v>1049</v>
      </c>
      <c r="K29" s="17">
        <v>1280</v>
      </c>
    </row>
    <row r="30" spans="1:11" ht="15" customHeight="1">
      <c r="A30" s="20" t="s">
        <v>55</v>
      </c>
      <c r="B30" s="20"/>
      <c r="C30" s="16">
        <v>220</v>
      </c>
      <c r="D30" s="22">
        <v>116</v>
      </c>
      <c r="E30" s="22">
        <v>104</v>
      </c>
      <c r="F30" s="22"/>
      <c r="G30" s="21" t="s">
        <v>56</v>
      </c>
      <c r="H30" s="20"/>
      <c r="I30" s="16">
        <v>385</v>
      </c>
      <c r="J30" s="22">
        <v>180</v>
      </c>
      <c r="K30" s="22">
        <v>205</v>
      </c>
    </row>
    <row r="31" spans="1:11" ht="15" customHeight="1">
      <c r="A31" s="20" t="s">
        <v>57</v>
      </c>
      <c r="B31" s="20"/>
      <c r="C31" s="16">
        <v>256</v>
      </c>
      <c r="D31" s="22">
        <v>130</v>
      </c>
      <c r="E31" s="22">
        <v>126</v>
      </c>
      <c r="F31" s="22"/>
      <c r="G31" s="21" t="s">
        <v>58</v>
      </c>
      <c r="H31" s="20"/>
      <c r="I31" s="16">
        <v>395</v>
      </c>
      <c r="J31" s="22">
        <v>167</v>
      </c>
      <c r="K31" s="22">
        <v>228</v>
      </c>
    </row>
    <row r="32" spans="1:11" ht="15" customHeight="1">
      <c r="A32" s="20" t="s">
        <v>59</v>
      </c>
      <c r="B32" s="20"/>
      <c r="C32" s="16">
        <v>211</v>
      </c>
      <c r="D32" s="22">
        <v>93</v>
      </c>
      <c r="E32" s="22">
        <v>118</v>
      </c>
      <c r="F32" s="22"/>
      <c r="G32" s="21" t="s">
        <v>60</v>
      </c>
      <c r="H32" s="20"/>
      <c r="I32" s="16">
        <v>455</v>
      </c>
      <c r="J32" s="22">
        <v>206</v>
      </c>
      <c r="K32" s="22">
        <v>249</v>
      </c>
    </row>
    <row r="33" spans="1:11" ht="15" customHeight="1">
      <c r="A33" s="20" t="s">
        <v>61</v>
      </c>
      <c r="B33" s="20"/>
      <c r="C33" s="16">
        <v>195</v>
      </c>
      <c r="D33" s="22">
        <v>96</v>
      </c>
      <c r="E33" s="22">
        <v>99</v>
      </c>
      <c r="F33" s="22"/>
      <c r="G33" s="21" t="s">
        <v>62</v>
      </c>
      <c r="H33" s="20"/>
      <c r="I33" s="16">
        <v>535</v>
      </c>
      <c r="J33" s="22">
        <v>245</v>
      </c>
      <c r="K33" s="22">
        <v>290</v>
      </c>
    </row>
    <row r="34" spans="1:11" ht="15" customHeight="1">
      <c r="A34" s="20" t="s">
        <v>63</v>
      </c>
      <c r="B34" s="20"/>
      <c r="C34" s="16">
        <v>188</v>
      </c>
      <c r="D34" s="22">
        <v>96</v>
      </c>
      <c r="E34" s="22">
        <v>92</v>
      </c>
      <c r="F34" s="22"/>
      <c r="G34" s="21" t="s">
        <v>64</v>
      </c>
      <c r="H34" s="20"/>
      <c r="I34" s="16">
        <v>559</v>
      </c>
      <c r="J34" s="22">
        <v>251</v>
      </c>
      <c r="K34" s="22">
        <v>308</v>
      </c>
    </row>
    <row r="35" spans="1:11" ht="20.100000000000001" customHeight="1">
      <c r="A35" s="20" t="s">
        <v>65</v>
      </c>
      <c r="B35" s="20"/>
      <c r="C35" s="16">
        <v>806</v>
      </c>
      <c r="D35" s="17">
        <v>383</v>
      </c>
      <c r="E35" s="17">
        <v>423</v>
      </c>
      <c r="F35" s="17"/>
      <c r="G35" s="21" t="s">
        <v>66</v>
      </c>
      <c r="H35" s="20"/>
      <c r="I35" s="16">
        <v>2111</v>
      </c>
      <c r="J35" s="17">
        <v>986</v>
      </c>
      <c r="K35" s="17">
        <v>1125</v>
      </c>
    </row>
    <row r="36" spans="1:11" ht="15" customHeight="1">
      <c r="A36" s="20" t="s">
        <v>67</v>
      </c>
      <c r="B36" s="20"/>
      <c r="C36" s="16">
        <v>194</v>
      </c>
      <c r="D36" s="22">
        <v>94</v>
      </c>
      <c r="E36" s="22">
        <v>100</v>
      </c>
      <c r="F36" s="22"/>
      <c r="G36" s="21" t="s">
        <v>68</v>
      </c>
      <c r="H36" s="20"/>
      <c r="I36" s="16">
        <v>543</v>
      </c>
      <c r="J36" s="22">
        <v>254</v>
      </c>
      <c r="K36" s="22">
        <v>289</v>
      </c>
    </row>
    <row r="37" spans="1:11" ht="15" customHeight="1">
      <c r="A37" s="20" t="s">
        <v>69</v>
      </c>
      <c r="B37" s="20"/>
      <c r="C37" s="16">
        <v>154</v>
      </c>
      <c r="D37" s="22">
        <v>70</v>
      </c>
      <c r="E37" s="22">
        <v>84</v>
      </c>
      <c r="F37" s="22"/>
      <c r="G37" s="21" t="s">
        <v>70</v>
      </c>
      <c r="H37" s="20"/>
      <c r="I37" s="16">
        <v>361</v>
      </c>
      <c r="J37" s="22">
        <v>179</v>
      </c>
      <c r="K37" s="22">
        <v>182</v>
      </c>
    </row>
    <row r="38" spans="1:11" ht="15" customHeight="1">
      <c r="A38" s="20" t="s">
        <v>71</v>
      </c>
      <c r="B38" s="20"/>
      <c r="C38" s="16">
        <v>179</v>
      </c>
      <c r="D38" s="22">
        <v>92</v>
      </c>
      <c r="E38" s="22">
        <v>87</v>
      </c>
      <c r="F38" s="22"/>
      <c r="G38" s="21" t="s">
        <v>72</v>
      </c>
      <c r="H38" s="20"/>
      <c r="I38" s="16">
        <v>349</v>
      </c>
      <c r="J38" s="22">
        <v>169</v>
      </c>
      <c r="K38" s="22">
        <v>180</v>
      </c>
    </row>
    <row r="39" spans="1:11" ht="15" customHeight="1">
      <c r="A39" s="20" t="s">
        <v>73</v>
      </c>
      <c r="B39" s="20"/>
      <c r="C39" s="16">
        <v>138</v>
      </c>
      <c r="D39" s="22">
        <v>63</v>
      </c>
      <c r="E39" s="22">
        <v>75</v>
      </c>
      <c r="F39" s="22"/>
      <c r="G39" s="21" t="s">
        <v>74</v>
      </c>
      <c r="H39" s="20"/>
      <c r="I39" s="16">
        <v>420</v>
      </c>
      <c r="J39" s="22">
        <v>180</v>
      </c>
      <c r="K39" s="22">
        <v>240</v>
      </c>
    </row>
    <row r="40" spans="1:11" ht="15" customHeight="1">
      <c r="A40" s="20" t="s">
        <v>75</v>
      </c>
      <c r="B40" s="20"/>
      <c r="C40" s="16">
        <v>141</v>
      </c>
      <c r="D40" s="22">
        <v>64</v>
      </c>
      <c r="E40" s="22">
        <v>77</v>
      </c>
      <c r="F40" s="22"/>
      <c r="G40" s="21" t="s">
        <v>76</v>
      </c>
      <c r="H40" s="20"/>
      <c r="I40" s="16">
        <v>438</v>
      </c>
      <c r="J40" s="22">
        <v>204</v>
      </c>
      <c r="K40" s="22">
        <v>234</v>
      </c>
    </row>
    <row r="41" spans="1:11" ht="20.100000000000001" customHeight="1">
      <c r="A41" s="20" t="s">
        <v>77</v>
      </c>
      <c r="B41" s="20"/>
      <c r="C41" s="16">
        <v>945</v>
      </c>
      <c r="D41" s="17">
        <v>489</v>
      </c>
      <c r="E41" s="17">
        <v>456</v>
      </c>
      <c r="F41" s="17"/>
      <c r="G41" s="21" t="s">
        <v>78</v>
      </c>
      <c r="H41" s="20"/>
      <c r="I41" s="16">
        <v>1736</v>
      </c>
      <c r="J41" s="17">
        <v>777</v>
      </c>
      <c r="K41" s="17">
        <v>959</v>
      </c>
    </row>
    <row r="42" spans="1:11" ht="15" customHeight="1">
      <c r="A42" s="20" t="s">
        <v>79</v>
      </c>
      <c r="B42" s="20"/>
      <c r="C42" s="16">
        <v>166</v>
      </c>
      <c r="D42" s="22">
        <v>88</v>
      </c>
      <c r="E42" s="22">
        <v>78</v>
      </c>
      <c r="F42" s="22"/>
      <c r="G42" s="21" t="s">
        <v>80</v>
      </c>
      <c r="H42" s="20"/>
      <c r="I42" s="16">
        <v>412</v>
      </c>
      <c r="J42" s="22">
        <v>199</v>
      </c>
      <c r="K42" s="22">
        <v>213</v>
      </c>
    </row>
    <row r="43" spans="1:11" ht="15" customHeight="1">
      <c r="A43" s="20" t="s">
        <v>81</v>
      </c>
      <c r="B43" s="20"/>
      <c r="C43" s="16">
        <v>173</v>
      </c>
      <c r="D43" s="22">
        <v>90</v>
      </c>
      <c r="E43" s="22">
        <v>83</v>
      </c>
      <c r="F43" s="22"/>
      <c r="G43" s="21" t="s">
        <v>82</v>
      </c>
      <c r="H43" s="20"/>
      <c r="I43" s="16">
        <v>379</v>
      </c>
      <c r="J43" s="22">
        <v>159</v>
      </c>
      <c r="K43" s="22">
        <v>220</v>
      </c>
    </row>
    <row r="44" spans="1:11" ht="15" customHeight="1">
      <c r="A44" s="20" t="s">
        <v>83</v>
      </c>
      <c r="B44" s="20"/>
      <c r="C44" s="16">
        <v>162</v>
      </c>
      <c r="D44" s="22">
        <v>87</v>
      </c>
      <c r="E44" s="22">
        <v>75</v>
      </c>
      <c r="F44" s="22"/>
      <c r="G44" s="21" t="s">
        <v>84</v>
      </c>
      <c r="H44" s="20"/>
      <c r="I44" s="16">
        <v>366</v>
      </c>
      <c r="J44" s="22">
        <v>168</v>
      </c>
      <c r="K44" s="22">
        <v>198</v>
      </c>
    </row>
    <row r="45" spans="1:11" ht="15" customHeight="1">
      <c r="A45" s="20" t="s">
        <v>85</v>
      </c>
      <c r="B45" s="20"/>
      <c r="C45" s="16">
        <v>211</v>
      </c>
      <c r="D45" s="22">
        <v>105</v>
      </c>
      <c r="E45" s="22">
        <v>106</v>
      </c>
      <c r="F45" s="22"/>
      <c r="G45" s="21" t="s">
        <v>86</v>
      </c>
      <c r="H45" s="20"/>
      <c r="I45" s="16">
        <v>302</v>
      </c>
      <c r="J45" s="22">
        <v>138</v>
      </c>
      <c r="K45" s="22">
        <v>164</v>
      </c>
    </row>
    <row r="46" spans="1:11" ht="15" customHeight="1">
      <c r="A46" s="20" t="s">
        <v>87</v>
      </c>
      <c r="B46" s="20"/>
      <c r="C46" s="16">
        <v>233</v>
      </c>
      <c r="D46" s="22">
        <v>119</v>
      </c>
      <c r="E46" s="22">
        <v>114</v>
      </c>
      <c r="F46" s="22"/>
      <c r="G46" s="21" t="s">
        <v>88</v>
      </c>
      <c r="H46" s="20"/>
      <c r="I46" s="16">
        <v>277</v>
      </c>
      <c r="J46" s="22">
        <v>113</v>
      </c>
      <c r="K46" s="22">
        <v>164</v>
      </c>
    </row>
    <row r="47" spans="1:11" ht="20.100000000000001" customHeight="1">
      <c r="A47" s="20" t="s">
        <v>89</v>
      </c>
      <c r="B47" s="20"/>
      <c r="C47" s="16">
        <v>1208</v>
      </c>
      <c r="D47" s="17">
        <v>562</v>
      </c>
      <c r="E47" s="17">
        <v>646</v>
      </c>
      <c r="F47" s="17"/>
      <c r="G47" s="21" t="s">
        <v>90</v>
      </c>
      <c r="H47" s="20"/>
      <c r="I47" s="16">
        <v>1117</v>
      </c>
      <c r="J47" s="17">
        <v>458</v>
      </c>
      <c r="K47" s="17">
        <v>659</v>
      </c>
    </row>
    <row r="48" spans="1:11" ht="15" customHeight="1">
      <c r="A48" s="20" t="s">
        <v>91</v>
      </c>
      <c r="B48" s="20"/>
      <c r="C48" s="16">
        <v>233</v>
      </c>
      <c r="D48" s="22">
        <v>102</v>
      </c>
      <c r="E48" s="22">
        <v>131</v>
      </c>
      <c r="F48" s="22"/>
      <c r="G48" s="21" t="s">
        <v>92</v>
      </c>
      <c r="H48" s="20"/>
      <c r="I48" s="16">
        <v>302</v>
      </c>
      <c r="J48" s="22">
        <v>119</v>
      </c>
      <c r="K48" s="22">
        <v>183</v>
      </c>
    </row>
    <row r="49" spans="1:11" ht="15" customHeight="1">
      <c r="A49" s="20" t="s">
        <v>93</v>
      </c>
      <c r="B49" s="20"/>
      <c r="C49" s="16">
        <v>244</v>
      </c>
      <c r="D49" s="22">
        <v>116</v>
      </c>
      <c r="E49" s="22">
        <v>128</v>
      </c>
      <c r="F49" s="22"/>
      <c r="G49" s="21" t="s">
        <v>94</v>
      </c>
      <c r="H49" s="20"/>
      <c r="I49" s="16">
        <v>241</v>
      </c>
      <c r="J49" s="22">
        <v>113</v>
      </c>
      <c r="K49" s="22">
        <v>128</v>
      </c>
    </row>
    <row r="50" spans="1:11" ht="15" customHeight="1">
      <c r="A50" s="20" t="s">
        <v>95</v>
      </c>
      <c r="B50" s="20"/>
      <c r="C50" s="16">
        <v>206</v>
      </c>
      <c r="D50" s="22">
        <v>88</v>
      </c>
      <c r="E50" s="22">
        <v>118</v>
      </c>
      <c r="F50" s="22"/>
      <c r="G50" s="21" t="s">
        <v>96</v>
      </c>
      <c r="H50" s="20"/>
      <c r="I50" s="16">
        <v>226</v>
      </c>
      <c r="J50" s="22">
        <v>101</v>
      </c>
      <c r="K50" s="22">
        <v>125</v>
      </c>
    </row>
    <row r="51" spans="1:11" ht="15" customHeight="1">
      <c r="A51" s="20" t="s">
        <v>97</v>
      </c>
      <c r="B51" s="20"/>
      <c r="C51" s="16">
        <v>242</v>
      </c>
      <c r="D51" s="22">
        <v>122</v>
      </c>
      <c r="E51" s="22">
        <v>120</v>
      </c>
      <c r="F51" s="22"/>
      <c r="G51" s="21" t="s">
        <v>98</v>
      </c>
      <c r="H51" s="20"/>
      <c r="I51" s="16">
        <v>173</v>
      </c>
      <c r="J51" s="22">
        <v>56</v>
      </c>
      <c r="K51" s="22">
        <v>117</v>
      </c>
    </row>
    <row r="52" spans="1:11" ht="15" customHeight="1">
      <c r="A52" s="20" t="s">
        <v>99</v>
      </c>
      <c r="B52" s="20"/>
      <c r="C52" s="16">
        <v>283</v>
      </c>
      <c r="D52" s="22">
        <v>134</v>
      </c>
      <c r="E52" s="22">
        <v>149</v>
      </c>
      <c r="F52" s="22"/>
      <c r="G52" s="21" t="s">
        <v>100</v>
      </c>
      <c r="H52" s="20"/>
      <c r="I52" s="16">
        <v>175</v>
      </c>
      <c r="J52" s="22">
        <v>69</v>
      </c>
      <c r="K52" s="22">
        <v>106</v>
      </c>
    </row>
    <row r="53" spans="1:11" ht="20.100000000000001" customHeight="1">
      <c r="A53" s="20" t="s">
        <v>101</v>
      </c>
      <c r="B53" s="20"/>
      <c r="C53" s="16">
        <v>1577</v>
      </c>
      <c r="D53" s="17">
        <v>826</v>
      </c>
      <c r="E53" s="17">
        <v>751</v>
      </c>
      <c r="F53" s="17"/>
      <c r="G53" s="21" t="s">
        <v>102</v>
      </c>
      <c r="H53" s="20"/>
      <c r="I53" s="16">
        <v>517</v>
      </c>
      <c r="J53" s="17">
        <v>165</v>
      </c>
      <c r="K53" s="17">
        <v>352</v>
      </c>
    </row>
    <row r="54" spans="1:11" ht="15" customHeight="1">
      <c r="A54" s="20" t="s">
        <v>103</v>
      </c>
      <c r="B54" s="20"/>
      <c r="C54" s="16">
        <v>280</v>
      </c>
      <c r="D54" s="22">
        <v>143</v>
      </c>
      <c r="E54" s="22">
        <v>137</v>
      </c>
      <c r="F54" s="22"/>
      <c r="G54" s="21" t="s">
        <v>104</v>
      </c>
      <c r="H54" s="20"/>
      <c r="I54" s="16">
        <v>154</v>
      </c>
      <c r="J54" s="22">
        <v>46</v>
      </c>
      <c r="K54" s="22">
        <v>108</v>
      </c>
    </row>
    <row r="55" spans="1:11" ht="15" customHeight="1">
      <c r="A55" s="20" t="s">
        <v>105</v>
      </c>
      <c r="B55" s="20"/>
      <c r="C55" s="16">
        <v>316</v>
      </c>
      <c r="D55" s="22">
        <v>176</v>
      </c>
      <c r="E55" s="22">
        <v>140</v>
      </c>
      <c r="F55" s="22"/>
      <c r="G55" s="21" t="s">
        <v>106</v>
      </c>
      <c r="H55" s="20"/>
      <c r="I55" s="16">
        <v>122</v>
      </c>
      <c r="J55" s="22">
        <v>44</v>
      </c>
      <c r="K55" s="22">
        <v>78</v>
      </c>
    </row>
    <row r="56" spans="1:11" ht="15" customHeight="1">
      <c r="A56" s="20" t="s">
        <v>107</v>
      </c>
      <c r="B56" s="20"/>
      <c r="C56" s="16">
        <v>324</v>
      </c>
      <c r="D56" s="22">
        <v>165</v>
      </c>
      <c r="E56" s="22">
        <v>159</v>
      </c>
      <c r="F56" s="22"/>
      <c r="G56" s="21" t="s">
        <v>108</v>
      </c>
      <c r="H56" s="20"/>
      <c r="I56" s="16">
        <v>104</v>
      </c>
      <c r="J56" s="22">
        <v>38</v>
      </c>
      <c r="K56" s="22">
        <v>66</v>
      </c>
    </row>
    <row r="57" spans="1:11" ht="15" customHeight="1">
      <c r="A57" s="20" t="s">
        <v>109</v>
      </c>
      <c r="B57" s="20"/>
      <c r="C57" s="16">
        <v>324</v>
      </c>
      <c r="D57" s="22">
        <v>154</v>
      </c>
      <c r="E57" s="22">
        <v>170</v>
      </c>
      <c r="F57" s="22"/>
      <c r="G57" s="21" t="s">
        <v>110</v>
      </c>
      <c r="H57" s="20"/>
      <c r="I57" s="16">
        <v>58</v>
      </c>
      <c r="J57" s="22">
        <v>23</v>
      </c>
      <c r="K57" s="22">
        <v>35</v>
      </c>
    </row>
    <row r="58" spans="1:11" ht="15" customHeight="1">
      <c r="A58" s="20" t="s">
        <v>111</v>
      </c>
      <c r="B58" s="20"/>
      <c r="C58" s="16">
        <v>333</v>
      </c>
      <c r="D58" s="22">
        <v>188</v>
      </c>
      <c r="E58" s="22">
        <v>145</v>
      </c>
      <c r="F58" s="22"/>
      <c r="G58" s="21" t="s">
        <v>112</v>
      </c>
      <c r="H58" s="20"/>
      <c r="I58" s="16">
        <v>79</v>
      </c>
      <c r="J58" s="22">
        <v>14</v>
      </c>
      <c r="K58" s="22">
        <v>65</v>
      </c>
    </row>
    <row r="59" spans="1:11" ht="20.100000000000001" customHeight="1">
      <c r="A59" s="20" t="s">
        <v>113</v>
      </c>
      <c r="B59" s="20"/>
      <c r="C59" s="16">
        <v>1933</v>
      </c>
      <c r="D59" s="17">
        <v>946</v>
      </c>
      <c r="E59" s="17">
        <v>987</v>
      </c>
      <c r="F59" s="17"/>
      <c r="G59" s="21" t="s">
        <v>114</v>
      </c>
      <c r="H59" s="20"/>
      <c r="I59" s="16">
        <v>139</v>
      </c>
      <c r="J59" s="17">
        <v>31</v>
      </c>
      <c r="K59" s="17">
        <v>108</v>
      </c>
    </row>
    <row r="60" spans="1:11" ht="15" customHeight="1">
      <c r="A60" s="20" t="s">
        <v>115</v>
      </c>
      <c r="B60" s="20"/>
      <c r="C60" s="16">
        <v>349</v>
      </c>
      <c r="D60" s="22">
        <v>152</v>
      </c>
      <c r="E60" s="22">
        <v>197</v>
      </c>
      <c r="F60" s="22"/>
      <c r="G60" s="21" t="s">
        <v>116</v>
      </c>
      <c r="H60" s="20"/>
      <c r="I60" s="16">
        <v>54</v>
      </c>
      <c r="J60" s="22">
        <v>20</v>
      </c>
      <c r="K60" s="22">
        <v>34</v>
      </c>
    </row>
    <row r="61" spans="1:11" ht="15" customHeight="1">
      <c r="A61" s="20" t="s">
        <v>117</v>
      </c>
      <c r="B61" s="20"/>
      <c r="C61" s="16">
        <v>350</v>
      </c>
      <c r="D61" s="22">
        <v>165</v>
      </c>
      <c r="E61" s="22">
        <v>185</v>
      </c>
      <c r="F61" s="22"/>
      <c r="G61" s="21" t="s">
        <v>118</v>
      </c>
      <c r="H61" s="20"/>
      <c r="I61" s="16">
        <v>29</v>
      </c>
      <c r="J61" s="22">
        <v>9</v>
      </c>
      <c r="K61" s="22">
        <v>20</v>
      </c>
    </row>
    <row r="62" spans="1:11" ht="15" customHeight="1">
      <c r="A62" s="20" t="s">
        <v>119</v>
      </c>
      <c r="B62" s="20"/>
      <c r="C62" s="16">
        <v>377</v>
      </c>
      <c r="D62" s="22">
        <v>195</v>
      </c>
      <c r="E62" s="22">
        <v>182</v>
      </c>
      <c r="F62" s="22"/>
      <c r="G62" s="21" t="s">
        <v>120</v>
      </c>
      <c r="H62" s="20"/>
      <c r="I62" s="16">
        <v>26</v>
      </c>
      <c r="J62" s="22">
        <v>0</v>
      </c>
      <c r="K62" s="22">
        <v>26</v>
      </c>
    </row>
    <row r="63" spans="1:11" ht="15" customHeight="1">
      <c r="A63" s="20" t="s">
        <v>121</v>
      </c>
      <c r="B63" s="20"/>
      <c r="C63" s="16">
        <v>416</v>
      </c>
      <c r="D63" s="22">
        <v>211</v>
      </c>
      <c r="E63" s="22">
        <v>205</v>
      </c>
      <c r="F63" s="22"/>
      <c r="G63" s="21" t="s">
        <v>122</v>
      </c>
      <c r="H63" s="20"/>
      <c r="I63" s="16">
        <v>22</v>
      </c>
      <c r="J63" s="22">
        <v>1</v>
      </c>
      <c r="K63" s="22">
        <v>21</v>
      </c>
    </row>
    <row r="64" spans="1:11" ht="15" customHeight="1">
      <c r="A64" s="20" t="s">
        <v>123</v>
      </c>
      <c r="B64" s="20"/>
      <c r="C64" s="16">
        <v>441</v>
      </c>
      <c r="D64" s="22">
        <v>223</v>
      </c>
      <c r="E64" s="22">
        <v>218</v>
      </c>
      <c r="F64" s="22"/>
      <c r="G64" s="21" t="s">
        <v>124</v>
      </c>
      <c r="H64" s="20"/>
      <c r="I64" s="16">
        <v>8</v>
      </c>
      <c r="J64" s="22">
        <v>1</v>
      </c>
      <c r="K64" s="22">
        <v>7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25</v>
      </c>
      <c r="J65" s="22">
        <v>6</v>
      </c>
      <c r="K65" s="22">
        <v>19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67</v>
      </c>
      <c r="J66" s="32">
        <v>71</v>
      </c>
      <c r="K66" s="32">
        <v>96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8"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92</v>
      </c>
      <c r="B2" s="7"/>
      <c r="C2" s="9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332287</v>
      </c>
      <c r="D4" s="17">
        <v>160888</v>
      </c>
      <c r="E4" s="17">
        <v>171399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9214</v>
      </c>
      <c r="D5" s="17">
        <v>4735</v>
      </c>
      <c r="E5" s="17">
        <v>4479</v>
      </c>
      <c r="F5" s="17"/>
      <c r="G5" s="21" t="s">
        <v>6</v>
      </c>
      <c r="H5" s="20"/>
      <c r="I5" s="16">
        <v>25941</v>
      </c>
      <c r="J5" s="17">
        <v>13273</v>
      </c>
      <c r="K5" s="17">
        <v>12668</v>
      </c>
    </row>
    <row r="6" spans="1:11" ht="15" customHeight="1">
      <c r="A6" s="20" t="s">
        <v>7</v>
      </c>
      <c r="B6" s="20"/>
      <c r="C6" s="16">
        <v>1667</v>
      </c>
      <c r="D6" s="22">
        <v>839</v>
      </c>
      <c r="E6" s="22">
        <v>828</v>
      </c>
      <c r="F6" s="22"/>
      <c r="G6" s="21" t="s">
        <v>8</v>
      </c>
      <c r="H6" s="20"/>
      <c r="I6" s="16">
        <v>5295</v>
      </c>
      <c r="J6" s="22">
        <v>2684</v>
      </c>
      <c r="K6" s="22">
        <v>2611</v>
      </c>
    </row>
    <row r="7" spans="1:11" ht="15" customHeight="1">
      <c r="A7" s="20" t="s">
        <v>9</v>
      </c>
      <c r="B7" s="20"/>
      <c r="C7" s="16">
        <v>1795</v>
      </c>
      <c r="D7" s="22">
        <v>940</v>
      </c>
      <c r="E7" s="22">
        <v>855</v>
      </c>
      <c r="F7" s="22"/>
      <c r="G7" s="21" t="s">
        <v>10</v>
      </c>
      <c r="H7" s="20"/>
      <c r="I7" s="16">
        <v>5237</v>
      </c>
      <c r="J7" s="22">
        <v>2695</v>
      </c>
      <c r="K7" s="22">
        <v>2542</v>
      </c>
    </row>
    <row r="8" spans="1:11" ht="15" customHeight="1">
      <c r="A8" s="20" t="s">
        <v>11</v>
      </c>
      <c r="B8" s="20"/>
      <c r="C8" s="16">
        <v>1777</v>
      </c>
      <c r="D8" s="22">
        <v>920</v>
      </c>
      <c r="E8" s="22">
        <v>857</v>
      </c>
      <c r="F8" s="22"/>
      <c r="G8" s="21" t="s">
        <v>12</v>
      </c>
      <c r="H8" s="20"/>
      <c r="I8" s="16">
        <v>5205</v>
      </c>
      <c r="J8" s="22">
        <v>2678</v>
      </c>
      <c r="K8" s="22">
        <v>2527</v>
      </c>
    </row>
    <row r="9" spans="1:11" ht="15" customHeight="1">
      <c r="A9" s="20" t="s">
        <v>13</v>
      </c>
      <c r="B9" s="20"/>
      <c r="C9" s="16">
        <v>1968</v>
      </c>
      <c r="D9" s="22">
        <v>1013</v>
      </c>
      <c r="E9" s="22">
        <v>955</v>
      </c>
      <c r="F9" s="22"/>
      <c r="G9" s="21" t="s">
        <v>14</v>
      </c>
      <c r="H9" s="20"/>
      <c r="I9" s="16">
        <v>5196</v>
      </c>
      <c r="J9" s="22">
        <v>2607</v>
      </c>
      <c r="K9" s="22">
        <v>2589</v>
      </c>
    </row>
    <row r="10" spans="1:11" ht="15" customHeight="1">
      <c r="A10" s="20" t="s">
        <v>15</v>
      </c>
      <c r="B10" s="20"/>
      <c r="C10" s="16">
        <v>2007</v>
      </c>
      <c r="D10" s="22">
        <v>1023</v>
      </c>
      <c r="E10" s="22">
        <v>984</v>
      </c>
      <c r="F10" s="22"/>
      <c r="G10" s="21" t="s">
        <v>16</v>
      </c>
      <c r="H10" s="20"/>
      <c r="I10" s="16">
        <v>5008</v>
      </c>
      <c r="J10" s="22">
        <v>2609</v>
      </c>
      <c r="K10" s="22">
        <v>2399</v>
      </c>
    </row>
    <row r="11" spans="1:11" ht="20.100000000000001" customHeight="1">
      <c r="A11" s="20" t="s">
        <v>17</v>
      </c>
      <c r="B11" s="20"/>
      <c r="C11" s="16">
        <v>11208</v>
      </c>
      <c r="D11" s="17">
        <v>5803</v>
      </c>
      <c r="E11" s="17">
        <v>5405</v>
      </c>
      <c r="F11" s="17"/>
      <c r="G11" s="21" t="s">
        <v>18</v>
      </c>
      <c r="H11" s="20"/>
      <c r="I11" s="16">
        <v>23327</v>
      </c>
      <c r="J11" s="17">
        <v>11842</v>
      </c>
      <c r="K11" s="17">
        <v>11485</v>
      </c>
    </row>
    <row r="12" spans="1:11" ht="15" customHeight="1">
      <c r="A12" s="20" t="s">
        <v>19</v>
      </c>
      <c r="B12" s="20"/>
      <c r="C12" s="16">
        <v>2065</v>
      </c>
      <c r="D12" s="22">
        <v>1040</v>
      </c>
      <c r="E12" s="22">
        <v>1025</v>
      </c>
      <c r="F12" s="22"/>
      <c r="G12" s="21" t="s">
        <v>20</v>
      </c>
      <c r="H12" s="20"/>
      <c r="I12" s="16">
        <v>5341</v>
      </c>
      <c r="J12" s="22">
        <v>2686</v>
      </c>
      <c r="K12" s="22">
        <v>2655</v>
      </c>
    </row>
    <row r="13" spans="1:11" ht="15" customHeight="1">
      <c r="A13" s="20" t="s">
        <v>21</v>
      </c>
      <c r="B13" s="20"/>
      <c r="C13" s="16">
        <v>2171</v>
      </c>
      <c r="D13" s="22">
        <v>1132</v>
      </c>
      <c r="E13" s="22">
        <v>1039</v>
      </c>
      <c r="F13" s="22"/>
      <c r="G13" s="21" t="s">
        <v>22</v>
      </c>
      <c r="H13" s="20"/>
      <c r="I13" s="16">
        <v>3759</v>
      </c>
      <c r="J13" s="22">
        <v>1940</v>
      </c>
      <c r="K13" s="22">
        <v>1819</v>
      </c>
    </row>
    <row r="14" spans="1:11" ht="15" customHeight="1">
      <c r="A14" s="20" t="s">
        <v>23</v>
      </c>
      <c r="B14" s="20"/>
      <c r="C14" s="16">
        <v>2272</v>
      </c>
      <c r="D14" s="22">
        <v>1171</v>
      </c>
      <c r="E14" s="22">
        <v>1101</v>
      </c>
      <c r="F14" s="22"/>
      <c r="G14" s="21" t="s">
        <v>24</v>
      </c>
      <c r="H14" s="20"/>
      <c r="I14" s="16">
        <v>5138</v>
      </c>
      <c r="J14" s="22">
        <v>2628</v>
      </c>
      <c r="K14" s="22">
        <v>2510</v>
      </c>
    </row>
    <row r="15" spans="1:11" ht="15" customHeight="1">
      <c r="A15" s="20" t="s">
        <v>25</v>
      </c>
      <c r="B15" s="20"/>
      <c r="C15" s="16">
        <v>2314</v>
      </c>
      <c r="D15" s="22">
        <v>1213</v>
      </c>
      <c r="E15" s="22">
        <v>1101</v>
      </c>
      <c r="F15" s="22"/>
      <c r="G15" s="21" t="s">
        <v>26</v>
      </c>
      <c r="H15" s="20"/>
      <c r="I15" s="16">
        <v>4578</v>
      </c>
      <c r="J15" s="22">
        <v>2334</v>
      </c>
      <c r="K15" s="22">
        <v>2244</v>
      </c>
    </row>
    <row r="16" spans="1:11" ht="15" customHeight="1">
      <c r="A16" s="20" t="s">
        <v>27</v>
      </c>
      <c r="B16" s="20"/>
      <c r="C16" s="16">
        <v>2386</v>
      </c>
      <c r="D16" s="22">
        <v>1247</v>
      </c>
      <c r="E16" s="22">
        <v>1139</v>
      </c>
      <c r="F16" s="22"/>
      <c r="G16" s="21" t="s">
        <v>28</v>
      </c>
      <c r="H16" s="20"/>
      <c r="I16" s="16">
        <v>4511</v>
      </c>
      <c r="J16" s="22">
        <v>2254</v>
      </c>
      <c r="K16" s="22">
        <v>2257</v>
      </c>
    </row>
    <row r="17" spans="1:11" ht="20.100000000000001" customHeight="1">
      <c r="A17" s="24" t="s">
        <v>29</v>
      </c>
      <c r="B17" s="24"/>
      <c r="C17" s="16">
        <v>13170</v>
      </c>
      <c r="D17" s="17">
        <v>6726</v>
      </c>
      <c r="E17" s="17">
        <v>6444</v>
      </c>
      <c r="F17" s="17"/>
      <c r="G17" s="21" t="s">
        <v>30</v>
      </c>
      <c r="H17" s="20"/>
      <c r="I17" s="16">
        <v>20764</v>
      </c>
      <c r="J17" s="17">
        <v>10416</v>
      </c>
      <c r="K17" s="17">
        <v>10348</v>
      </c>
    </row>
    <row r="18" spans="1:11" ht="15" customHeight="1">
      <c r="A18" s="20" t="s">
        <v>31</v>
      </c>
      <c r="B18" s="20"/>
      <c r="C18" s="16">
        <v>2573</v>
      </c>
      <c r="D18" s="22">
        <v>1309</v>
      </c>
      <c r="E18" s="22">
        <v>1264</v>
      </c>
      <c r="F18" s="22"/>
      <c r="G18" s="21" t="s">
        <v>32</v>
      </c>
      <c r="H18" s="20"/>
      <c r="I18" s="16">
        <v>4176</v>
      </c>
      <c r="J18" s="22">
        <v>2115</v>
      </c>
      <c r="K18" s="22">
        <v>2061</v>
      </c>
    </row>
    <row r="19" spans="1:11" ht="15" customHeight="1">
      <c r="A19" s="20" t="s">
        <v>33</v>
      </c>
      <c r="B19" s="20"/>
      <c r="C19" s="16">
        <v>2590</v>
      </c>
      <c r="D19" s="22">
        <v>1320</v>
      </c>
      <c r="E19" s="22">
        <v>1270</v>
      </c>
      <c r="F19" s="22"/>
      <c r="G19" s="21" t="s">
        <v>34</v>
      </c>
      <c r="H19" s="20"/>
      <c r="I19" s="16">
        <v>4085</v>
      </c>
      <c r="J19" s="22">
        <v>2008</v>
      </c>
      <c r="K19" s="22">
        <v>2077</v>
      </c>
    </row>
    <row r="20" spans="1:11" ht="15" customHeight="1">
      <c r="A20" s="20" t="s">
        <v>35</v>
      </c>
      <c r="B20" s="20"/>
      <c r="C20" s="16">
        <v>2606</v>
      </c>
      <c r="D20" s="22">
        <v>1339</v>
      </c>
      <c r="E20" s="22">
        <v>1267</v>
      </c>
      <c r="F20" s="22"/>
      <c r="G20" s="21" t="s">
        <v>36</v>
      </c>
      <c r="H20" s="20"/>
      <c r="I20" s="16">
        <v>4089</v>
      </c>
      <c r="J20" s="22">
        <v>2040</v>
      </c>
      <c r="K20" s="22">
        <v>2049</v>
      </c>
    </row>
    <row r="21" spans="1:11" ht="15" customHeight="1">
      <c r="A21" s="20" t="s">
        <v>37</v>
      </c>
      <c r="B21" s="20"/>
      <c r="C21" s="16">
        <v>2634</v>
      </c>
      <c r="D21" s="22">
        <v>1344</v>
      </c>
      <c r="E21" s="22">
        <v>1290</v>
      </c>
      <c r="F21" s="22"/>
      <c r="G21" s="21" t="s">
        <v>38</v>
      </c>
      <c r="H21" s="20"/>
      <c r="I21" s="16">
        <v>4128</v>
      </c>
      <c r="J21" s="22">
        <v>2088</v>
      </c>
      <c r="K21" s="22">
        <v>2040</v>
      </c>
    </row>
    <row r="22" spans="1:11" ht="15" customHeight="1">
      <c r="A22" s="20" t="s">
        <v>39</v>
      </c>
      <c r="B22" s="20"/>
      <c r="C22" s="16">
        <v>2767</v>
      </c>
      <c r="D22" s="22">
        <v>1414</v>
      </c>
      <c r="E22" s="22">
        <v>1353</v>
      </c>
      <c r="F22" s="22"/>
      <c r="G22" s="21" t="s">
        <v>40</v>
      </c>
      <c r="H22" s="20"/>
      <c r="I22" s="16">
        <v>4286</v>
      </c>
      <c r="J22" s="22">
        <v>2165</v>
      </c>
      <c r="K22" s="22">
        <v>2121</v>
      </c>
    </row>
    <row r="23" spans="1:11" ht="20.100000000000001" customHeight="1">
      <c r="A23" s="20" t="s">
        <v>41</v>
      </c>
      <c r="B23" s="20"/>
      <c r="C23" s="16">
        <v>14118</v>
      </c>
      <c r="D23" s="17">
        <v>7187</v>
      </c>
      <c r="E23" s="17">
        <v>6931</v>
      </c>
      <c r="F23" s="17"/>
      <c r="G23" s="21" t="s">
        <v>42</v>
      </c>
      <c r="H23" s="20"/>
      <c r="I23" s="16">
        <v>20875</v>
      </c>
      <c r="J23" s="17">
        <v>10126</v>
      </c>
      <c r="K23" s="17">
        <v>10749</v>
      </c>
    </row>
    <row r="24" spans="1:11" ht="15" customHeight="1">
      <c r="A24" s="20" t="s">
        <v>43</v>
      </c>
      <c r="B24" s="20"/>
      <c r="C24" s="16">
        <v>2725</v>
      </c>
      <c r="D24" s="22">
        <v>1366</v>
      </c>
      <c r="E24" s="22">
        <v>1359</v>
      </c>
      <c r="F24" s="22"/>
      <c r="G24" s="21" t="s">
        <v>44</v>
      </c>
      <c r="H24" s="20"/>
      <c r="I24" s="16">
        <v>3970</v>
      </c>
      <c r="J24" s="22">
        <v>1949</v>
      </c>
      <c r="K24" s="22">
        <v>2021</v>
      </c>
    </row>
    <row r="25" spans="1:11" ht="15" customHeight="1">
      <c r="A25" s="20" t="s">
        <v>45</v>
      </c>
      <c r="B25" s="20"/>
      <c r="C25" s="16">
        <v>2766</v>
      </c>
      <c r="D25" s="22">
        <v>1401</v>
      </c>
      <c r="E25" s="22">
        <v>1365</v>
      </c>
      <c r="F25" s="22"/>
      <c r="G25" s="21" t="s">
        <v>46</v>
      </c>
      <c r="H25" s="20"/>
      <c r="I25" s="16">
        <v>4004</v>
      </c>
      <c r="J25" s="22">
        <v>1993</v>
      </c>
      <c r="K25" s="22">
        <v>2011</v>
      </c>
    </row>
    <row r="26" spans="1:11" ht="15" customHeight="1">
      <c r="A26" s="20" t="s">
        <v>47</v>
      </c>
      <c r="B26" s="20"/>
      <c r="C26" s="16">
        <v>2741</v>
      </c>
      <c r="D26" s="22">
        <v>1387</v>
      </c>
      <c r="E26" s="22">
        <v>1354</v>
      </c>
      <c r="F26" s="22"/>
      <c r="G26" s="21" t="s">
        <v>48</v>
      </c>
      <c r="H26" s="20"/>
      <c r="I26" s="16">
        <v>4255</v>
      </c>
      <c r="J26" s="22">
        <v>2050</v>
      </c>
      <c r="K26" s="22">
        <v>2205</v>
      </c>
    </row>
    <row r="27" spans="1:11" ht="15" customHeight="1">
      <c r="A27" s="20" t="s">
        <v>49</v>
      </c>
      <c r="B27" s="20"/>
      <c r="C27" s="16">
        <v>2879</v>
      </c>
      <c r="D27" s="22">
        <v>1505</v>
      </c>
      <c r="E27" s="22">
        <v>1374</v>
      </c>
      <c r="F27" s="22"/>
      <c r="G27" s="21" t="s">
        <v>50</v>
      </c>
      <c r="H27" s="20"/>
      <c r="I27" s="16">
        <v>4240</v>
      </c>
      <c r="J27" s="22">
        <v>2008</v>
      </c>
      <c r="K27" s="22">
        <v>2232</v>
      </c>
    </row>
    <row r="28" spans="1:11" ht="15" customHeight="1">
      <c r="A28" s="20" t="s">
        <v>51</v>
      </c>
      <c r="B28" s="20"/>
      <c r="C28" s="16">
        <v>3007</v>
      </c>
      <c r="D28" s="22">
        <v>1528</v>
      </c>
      <c r="E28" s="22">
        <v>1479</v>
      </c>
      <c r="F28" s="22"/>
      <c r="G28" s="21" t="s">
        <v>52</v>
      </c>
      <c r="H28" s="20"/>
      <c r="I28" s="16">
        <v>4406</v>
      </c>
      <c r="J28" s="22">
        <v>2126</v>
      </c>
      <c r="K28" s="22">
        <v>2280</v>
      </c>
    </row>
    <row r="29" spans="1:11" ht="20.100000000000001" customHeight="1">
      <c r="A29" s="20" t="s">
        <v>53</v>
      </c>
      <c r="B29" s="20"/>
      <c r="C29" s="16">
        <v>14922</v>
      </c>
      <c r="D29" s="17">
        <v>7348</v>
      </c>
      <c r="E29" s="17">
        <v>7574</v>
      </c>
      <c r="F29" s="17"/>
      <c r="G29" s="21" t="s">
        <v>54</v>
      </c>
      <c r="H29" s="20"/>
      <c r="I29" s="16">
        <v>27423</v>
      </c>
      <c r="J29" s="17">
        <v>12964</v>
      </c>
      <c r="K29" s="17">
        <v>14459</v>
      </c>
    </row>
    <row r="30" spans="1:11" ht="15" customHeight="1">
      <c r="A30" s="20" t="s">
        <v>55</v>
      </c>
      <c r="B30" s="20"/>
      <c r="C30" s="16">
        <v>3127</v>
      </c>
      <c r="D30" s="22">
        <v>1558</v>
      </c>
      <c r="E30" s="22">
        <v>1569</v>
      </c>
      <c r="F30" s="22"/>
      <c r="G30" s="21" t="s">
        <v>56</v>
      </c>
      <c r="H30" s="20"/>
      <c r="I30" s="16">
        <v>4886</v>
      </c>
      <c r="J30" s="22">
        <v>2404</v>
      </c>
      <c r="K30" s="22">
        <v>2482</v>
      </c>
    </row>
    <row r="31" spans="1:11" ht="15" customHeight="1">
      <c r="A31" s="20" t="s">
        <v>57</v>
      </c>
      <c r="B31" s="20"/>
      <c r="C31" s="16">
        <v>3018</v>
      </c>
      <c r="D31" s="22">
        <v>1545</v>
      </c>
      <c r="E31" s="22">
        <v>1473</v>
      </c>
      <c r="F31" s="22"/>
      <c r="G31" s="21" t="s">
        <v>58</v>
      </c>
      <c r="H31" s="20"/>
      <c r="I31" s="16">
        <v>5151</v>
      </c>
      <c r="J31" s="22">
        <v>2403</v>
      </c>
      <c r="K31" s="22">
        <v>2748</v>
      </c>
    </row>
    <row r="32" spans="1:11" ht="15" customHeight="1">
      <c r="A32" s="20" t="s">
        <v>59</v>
      </c>
      <c r="B32" s="20"/>
      <c r="C32" s="16">
        <v>3037</v>
      </c>
      <c r="D32" s="22">
        <v>1450</v>
      </c>
      <c r="E32" s="22">
        <v>1587</v>
      </c>
      <c r="F32" s="22"/>
      <c r="G32" s="21" t="s">
        <v>60</v>
      </c>
      <c r="H32" s="20"/>
      <c r="I32" s="16">
        <v>5352</v>
      </c>
      <c r="J32" s="22">
        <v>2497</v>
      </c>
      <c r="K32" s="22">
        <v>2855</v>
      </c>
    </row>
    <row r="33" spans="1:11" ht="15" customHeight="1">
      <c r="A33" s="20" t="s">
        <v>61</v>
      </c>
      <c r="B33" s="20"/>
      <c r="C33" s="16">
        <v>2877</v>
      </c>
      <c r="D33" s="22">
        <v>1388</v>
      </c>
      <c r="E33" s="22">
        <v>1489</v>
      </c>
      <c r="F33" s="22"/>
      <c r="G33" s="21" t="s">
        <v>62</v>
      </c>
      <c r="H33" s="20"/>
      <c r="I33" s="16">
        <v>6205</v>
      </c>
      <c r="J33" s="22">
        <v>2906</v>
      </c>
      <c r="K33" s="22">
        <v>3299</v>
      </c>
    </row>
    <row r="34" spans="1:11" ht="15" customHeight="1">
      <c r="A34" s="20" t="s">
        <v>63</v>
      </c>
      <c r="B34" s="20"/>
      <c r="C34" s="16">
        <v>2863</v>
      </c>
      <c r="D34" s="22">
        <v>1407</v>
      </c>
      <c r="E34" s="22">
        <v>1456</v>
      </c>
      <c r="F34" s="22"/>
      <c r="G34" s="21" t="s">
        <v>64</v>
      </c>
      <c r="H34" s="20"/>
      <c r="I34" s="16">
        <v>5829</v>
      </c>
      <c r="J34" s="22">
        <v>2754</v>
      </c>
      <c r="K34" s="22">
        <v>3075</v>
      </c>
    </row>
    <row r="35" spans="1:11" ht="20.100000000000001" customHeight="1">
      <c r="A35" s="20" t="s">
        <v>65</v>
      </c>
      <c r="B35" s="20"/>
      <c r="C35" s="16">
        <v>13672</v>
      </c>
      <c r="D35" s="17">
        <v>6994</v>
      </c>
      <c r="E35" s="17">
        <v>6678</v>
      </c>
      <c r="F35" s="17"/>
      <c r="G35" s="21" t="s">
        <v>66</v>
      </c>
      <c r="H35" s="20"/>
      <c r="I35" s="16">
        <v>22560</v>
      </c>
      <c r="J35" s="17">
        <v>10216</v>
      </c>
      <c r="K35" s="17">
        <v>12344</v>
      </c>
    </row>
    <row r="36" spans="1:11" ht="15" customHeight="1">
      <c r="A36" s="20" t="s">
        <v>67</v>
      </c>
      <c r="B36" s="20"/>
      <c r="C36" s="16">
        <v>2771</v>
      </c>
      <c r="D36" s="22">
        <v>1401</v>
      </c>
      <c r="E36" s="22">
        <v>1370</v>
      </c>
      <c r="F36" s="22"/>
      <c r="G36" s="21" t="s">
        <v>68</v>
      </c>
      <c r="H36" s="20"/>
      <c r="I36" s="16">
        <v>5923</v>
      </c>
      <c r="J36" s="22">
        <v>2776</v>
      </c>
      <c r="K36" s="22">
        <v>3147</v>
      </c>
    </row>
    <row r="37" spans="1:11" ht="15" customHeight="1">
      <c r="A37" s="20" t="s">
        <v>69</v>
      </c>
      <c r="B37" s="20"/>
      <c r="C37" s="16">
        <v>2789</v>
      </c>
      <c r="D37" s="22">
        <v>1385</v>
      </c>
      <c r="E37" s="22">
        <v>1404</v>
      </c>
      <c r="F37" s="22"/>
      <c r="G37" s="21" t="s">
        <v>70</v>
      </c>
      <c r="H37" s="20"/>
      <c r="I37" s="16">
        <v>4123</v>
      </c>
      <c r="J37" s="22">
        <v>1900</v>
      </c>
      <c r="K37" s="22">
        <v>2223</v>
      </c>
    </row>
    <row r="38" spans="1:11" ht="15" customHeight="1">
      <c r="A38" s="20" t="s">
        <v>71</v>
      </c>
      <c r="B38" s="20"/>
      <c r="C38" s="16">
        <v>2733</v>
      </c>
      <c r="D38" s="22">
        <v>1410</v>
      </c>
      <c r="E38" s="22">
        <v>1323</v>
      </c>
      <c r="F38" s="22"/>
      <c r="G38" s="21" t="s">
        <v>72</v>
      </c>
      <c r="H38" s="20"/>
      <c r="I38" s="16">
        <v>3631</v>
      </c>
      <c r="J38" s="22">
        <v>1594</v>
      </c>
      <c r="K38" s="22">
        <v>2037</v>
      </c>
    </row>
    <row r="39" spans="1:11" ht="15" customHeight="1">
      <c r="A39" s="20" t="s">
        <v>73</v>
      </c>
      <c r="B39" s="20"/>
      <c r="C39" s="16">
        <v>2726</v>
      </c>
      <c r="D39" s="22">
        <v>1390</v>
      </c>
      <c r="E39" s="22">
        <v>1336</v>
      </c>
      <c r="F39" s="22"/>
      <c r="G39" s="21" t="s">
        <v>74</v>
      </c>
      <c r="H39" s="20"/>
      <c r="I39" s="16">
        <v>4406</v>
      </c>
      <c r="J39" s="22">
        <v>1975</v>
      </c>
      <c r="K39" s="22">
        <v>2431</v>
      </c>
    </row>
    <row r="40" spans="1:11" ht="15" customHeight="1">
      <c r="A40" s="20" t="s">
        <v>75</v>
      </c>
      <c r="B40" s="20"/>
      <c r="C40" s="16">
        <v>2653</v>
      </c>
      <c r="D40" s="22">
        <v>1408</v>
      </c>
      <c r="E40" s="22">
        <v>1245</v>
      </c>
      <c r="F40" s="22"/>
      <c r="G40" s="21" t="s">
        <v>76</v>
      </c>
      <c r="H40" s="20"/>
      <c r="I40" s="16">
        <v>4477</v>
      </c>
      <c r="J40" s="22">
        <v>1971</v>
      </c>
      <c r="K40" s="22">
        <v>2506</v>
      </c>
    </row>
    <row r="41" spans="1:11" ht="20.100000000000001" customHeight="1">
      <c r="A41" s="20" t="s">
        <v>77</v>
      </c>
      <c r="B41" s="20"/>
      <c r="C41" s="16">
        <v>13962</v>
      </c>
      <c r="D41" s="17">
        <v>7178</v>
      </c>
      <c r="E41" s="17">
        <v>6784</v>
      </c>
      <c r="F41" s="17"/>
      <c r="G41" s="21" t="s">
        <v>78</v>
      </c>
      <c r="H41" s="20"/>
      <c r="I41" s="16">
        <v>18000</v>
      </c>
      <c r="J41" s="17">
        <v>7511</v>
      </c>
      <c r="K41" s="17">
        <v>10489</v>
      </c>
    </row>
    <row r="42" spans="1:11" ht="15" customHeight="1">
      <c r="A42" s="20" t="s">
        <v>79</v>
      </c>
      <c r="B42" s="20"/>
      <c r="C42" s="16">
        <v>2664</v>
      </c>
      <c r="D42" s="22">
        <v>1391</v>
      </c>
      <c r="E42" s="22">
        <v>1273</v>
      </c>
      <c r="F42" s="22"/>
      <c r="G42" s="21" t="s">
        <v>80</v>
      </c>
      <c r="H42" s="20"/>
      <c r="I42" s="16">
        <v>4234</v>
      </c>
      <c r="J42" s="22">
        <v>1827</v>
      </c>
      <c r="K42" s="22">
        <v>2407</v>
      </c>
    </row>
    <row r="43" spans="1:11" ht="15" customHeight="1">
      <c r="A43" s="20" t="s">
        <v>81</v>
      </c>
      <c r="B43" s="20"/>
      <c r="C43" s="16">
        <v>2720</v>
      </c>
      <c r="D43" s="22">
        <v>1350</v>
      </c>
      <c r="E43" s="22">
        <v>1370</v>
      </c>
      <c r="F43" s="22"/>
      <c r="G43" s="21" t="s">
        <v>82</v>
      </c>
      <c r="H43" s="20"/>
      <c r="I43" s="16">
        <v>4128</v>
      </c>
      <c r="J43" s="22">
        <v>1722</v>
      </c>
      <c r="K43" s="22">
        <v>2406</v>
      </c>
    </row>
    <row r="44" spans="1:11" ht="15" customHeight="1">
      <c r="A44" s="20" t="s">
        <v>83</v>
      </c>
      <c r="B44" s="20"/>
      <c r="C44" s="16">
        <v>2721</v>
      </c>
      <c r="D44" s="22">
        <v>1421</v>
      </c>
      <c r="E44" s="22">
        <v>1300</v>
      </c>
      <c r="F44" s="22"/>
      <c r="G44" s="21" t="s">
        <v>84</v>
      </c>
      <c r="H44" s="20"/>
      <c r="I44" s="16">
        <v>3730</v>
      </c>
      <c r="J44" s="22">
        <v>1564</v>
      </c>
      <c r="K44" s="22">
        <v>2166</v>
      </c>
    </row>
    <row r="45" spans="1:11" ht="15" customHeight="1">
      <c r="A45" s="20" t="s">
        <v>85</v>
      </c>
      <c r="B45" s="20"/>
      <c r="C45" s="16">
        <v>2852</v>
      </c>
      <c r="D45" s="22">
        <v>1492</v>
      </c>
      <c r="E45" s="22">
        <v>1360</v>
      </c>
      <c r="F45" s="22"/>
      <c r="G45" s="21" t="s">
        <v>86</v>
      </c>
      <c r="H45" s="20"/>
      <c r="I45" s="16">
        <v>3065</v>
      </c>
      <c r="J45" s="22">
        <v>1244</v>
      </c>
      <c r="K45" s="22">
        <v>1821</v>
      </c>
    </row>
    <row r="46" spans="1:11" ht="15" customHeight="1">
      <c r="A46" s="20" t="s">
        <v>87</v>
      </c>
      <c r="B46" s="20"/>
      <c r="C46" s="16">
        <v>3005</v>
      </c>
      <c r="D46" s="22">
        <v>1524</v>
      </c>
      <c r="E46" s="22">
        <v>1481</v>
      </c>
      <c r="F46" s="22"/>
      <c r="G46" s="21" t="s">
        <v>88</v>
      </c>
      <c r="H46" s="20"/>
      <c r="I46" s="16">
        <v>2843</v>
      </c>
      <c r="J46" s="22">
        <v>1154</v>
      </c>
      <c r="K46" s="22">
        <v>1689</v>
      </c>
    </row>
    <row r="47" spans="1:11" ht="20.100000000000001" customHeight="1">
      <c r="A47" s="20" t="s">
        <v>89</v>
      </c>
      <c r="B47" s="20"/>
      <c r="C47" s="16">
        <v>16223</v>
      </c>
      <c r="D47" s="17">
        <v>8291</v>
      </c>
      <c r="E47" s="17">
        <v>7932</v>
      </c>
      <c r="F47" s="17"/>
      <c r="G47" s="21" t="s">
        <v>90</v>
      </c>
      <c r="H47" s="20"/>
      <c r="I47" s="16">
        <v>11662</v>
      </c>
      <c r="J47" s="17">
        <v>4285</v>
      </c>
      <c r="K47" s="17">
        <v>7377</v>
      </c>
    </row>
    <row r="48" spans="1:11" ht="15" customHeight="1">
      <c r="A48" s="20" t="s">
        <v>91</v>
      </c>
      <c r="B48" s="20"/>
      <c r="C48" s="16">
        <v>2991</v>
      </c>
      <c r="D48" s="22">
        <v>1554</v>
      </c>
      <c r="E48" s="22">
        <v>1437</v>
      </c>
      <c r="F48" s="22"/>
      <c r="G48" s="21" t="s">
        <v>92</v>
      </c>
      <c r="H48" s="20"/>
      <c r="I48" s="16">
        <v>2850</v>
      </c>
      <c r="J48" s="22">
        <v>1109</v>
      </c>
      <c r="K48" s="22">
        <v>1741</v>
      </c>
    </row>
    <row r="49" spans="1:11" ht="15" customHeight="1">
      <c r="A49" s="20" t="s">
        <v>93</v>
      </c>
      <c r="B49" s="20"/>
      <c r="C49" s="16">
        <v>3122</v>
      </c>
      <c r="D49" s="22">
        <v>1614</v>
      </c>
      <c r="E49" s="22">
        <v>1508</v>
      </c>
      <c r="F49" s="22"/>
      <c r="G49" s="21" t="s">
        <v>94</v>
      </c>
      <c r="H49" s="20"/>
      <c r="I49" s="16">
        <v>2571</v>
      </c>
      <c r="J49" s="22">
        <v>987</v>
      </c>
      <c r="K49" s="22">
        <v>1584</v>
      </c>
    </row>
    <row r="50" spans="1:11" ht="15" customHeight="1">
      <c r="A50" s="20" t="s">
        <v>95</v>
      </c>
      <c r="B50" s="20"/>
      <c r="C50" s="16">
        <v>3165</v>
      </c>
      <c r="D50" s="22">
        <v>1620</v>
      </c>
      <c r="E50" s="22">
        <v>1545</v>
      </c>
      <c r="F50" s="22"/>
      <c r="G50" s="21" t="s">
        <v>96</v>
      </c>
      <c r="H50" s="20"/>
      <c r="I50" s="16">
        <v>2415</v>
      </c>
      <c r="J50" s="22">
        <v>862</v>
      </c>
      <c r="K50" s="22">
        <v>1553</v>
      </c>
    </row>
    <row r="51" spans="1:11" ht="15" customHeight="1">
      <c r="A51" s="20" t="s">
        <v>97</v>
      </c>
      <c r="B51" s="20"/>
      <c r="C51" s="16">
        <v>3369</v>
      </c>
      <c r="D51" s="22">
        <v>1708</v>
      </c>
      <c r="E51" s="22">
        <v>1661</v>
      </c>
      <c r="F51" s="22"/>
      <c r="G51" s="21" t="s">
        <v>98</v>
      </c>
      <c r="H51" s="20"/>
      <c r="I51" s="16">
        <v>2043</v>
      </c>
      <c r="J51" s="22">
        <v>713</v>
      </c>
      <c r="K51" s="22">
        <v>1330</v>
      </c>
    </row>
    <row r="52" spans="1:11" ht="15" customHeight="1">
      <c r="A52" s="20" t="s">
        <v>99</v>
      </c>
      <c r="B52" s="20"/>
      <c r="C52" s="16">
        <v>3576</v>
      </c>
      <c r="D52" s="22">
        <v>1795</v>
      </c>
      <c r="E52" s="22">
        <v>1781</v>
      </c>
      <c r="F52" s="22"/>
      <c r="G52" s="21" t="s">
        <v>100</v>
      </c>
      <c r="H52" s="20"/>
      <c r="I52" s="16">
        <v>1783</v>
      </c>
      <c r="J52" s="22">
        <v>614</v>
      </c>
      <c r="K52" s="22">
        <v>1169</v>
      </c>
    </row>
    <row r="53" spans="1:11" ht="20.100000000000001" customHeight="1">
      <c r="A53" s="20" t="s">
        <v>101</v>
      </c>
      <c r="B53" s="20"/>
      <c r="C53" s="16">
        <v>18915</v>
      </c>
      <c r="D53" s="17">
        <v>9589</v>
      </c>
      <c r="E53" s="17">
        <v>9326</v>
      </c>
      <c r="F53" s="17"/>
      <c r="G53" s="21" t="s">
        <v>102</v>
      </c>
      <c r="H53" s="20"/>
      <c r="I53" s="16">
        <v>5510</v>
      </c>
      <c r="J53" s="17">
        <v>1574</v>
      </c>
      <c r="K53" s="17">
        <v>3936</v>
      </c>
    </row>
    <row r="54" spans="1:11" ht="15" customHeight="1">
      <c r="A54" s="20" t="s">
        <v>103</v>
      </c>
      <c r="B54" s="20"/>
      <c r="C54" s="16">
        <v>3509</v>
      </c>
      <c r="D54" s="22">
        <v>1806</v>
      </c>
      <c r="E54" s="22">
        <v>1703</v>
      </c>
      <c r="F54" s="22"/>
      <c r="G54" s="21" t="s">
        <v>104</v>
      </c>
      <c r="H54" s="20"/>
      <c r="I54" s="16">
        <v>1587</v>
      </c>
      <c r="J54" s="22">
        <v>522</v>
      </c>
      <c r="K54" s="22">
        <v>1065</v>
      </c>
    </row>
    <row r="55" spans="1:11" ht="15" customHeight="1">
      <c r="A55" s="20" t="s">
        <v>105</v>
      </c>
      <c r="B55" s="20"/>
      <c r="C55" s="16">
        <v>3659</v>
      </c>
      <c r="D55" s="22">
        <v>1830</v>
      </c>
      <c r="E55" s="22">
        <v>1829</v>
      </c>
      <c r="F55" s="22"/>
      <c r="G55" s="21" t="s">
        <v>106</v>
      </c>
      <c r="H55" s="20"/>
      <c r="I55" s="16">
        <v>1276</v>
      </c>
      <c r="J55" s="22">
        <v>377</v>
      </c>
      <c r="K55" s="22">
        <v>899</v>
      </c>
    </row>
    <row r="56" spans="1:11" ht="15" customHeight="1">
      <c r="A56" s="20" t="s">
        <v>107</v>
      </c>
      <c r="B56" s="20"/>
      <c r="C56" s="16">
        <v>3826</v>
      </c>
      <c r="D56" s="22">
        <v>1914</v>
      </c>
      <c r="E56" s="22">
        <v>1912</v>
      </c>
      <c r="F56" s="22"/>
      <c r="G56" s="21" t="s">
        <v>108</v>
      </c>
      <c r="H56" s="20"/>
      <c r="I56" s="16">
        <v>1039</v>
      </c>
      <c r="J56" s="22">
        <v>274</v>
      </c>
      <c r="K56" s="22">
        <v>765</v>
      </c>
    </row>
    <row r="57" spans="1:11" ht="15" customHeight="1">
      <c r="A57" s="20" t="s">
        <v>109</v>
      </c>
      <c r="B57" s="20"/>
      <c r="C57" s="16">
        <v>3809</v>
      </c>
      <c r="D57" s="22">
        <v>1955</v>
      </c>
      <c r="E57" s="22">
        <v>1854</v>
      </c>
      <c r="F57" s="22"/>
      <c r="G57" s="21" t="s">
        <v>110</v>
      </c>
      <c r="H57" s="20"/>
      <c r="I57" s="16">
        <v>878</v>
      </c>
      <c r="J57" s="22">
        <v>249</v>
      </c>
      <c r="K57" s="22">
        <v>629</v>
      </c>
    </row>
    <row r="58" spans="1:11" ht="15" customHeight="1">
      <c r="A58" s="20" t="s">
        <v>111</v>
      </c>
      <c r="B58" s="20"/>
      <c r="C58" s="16">
        <v>4112</v>
      </c>
      <c r="D58" s="22">
        <v>2084</v>
      </c>
      <c r="E58" s="22">
        <v>2028</v>
      </c>
      <c r="F58" s="22"/>
      <c r="G58" s="21" t="s">
        <v>112</v>
      </c>
      <c r="H58" s="20"/>
      <c r="I58" s="16">
        <v>730</v>
      </c>
      <c r="J58" s="22">
        <v>152</v>
      </c>
      <c r="K58" s="22">
        <v>578</v>
      </c>
    </row>
    <row r="59" spans="1:11" ht="20.100000000000001" customHeight="1">
      <c r="A59" s="20" t="s">
        <v>113</v>
      </c>
      <c r="B59" s="20"/>
      <c r="C59" s="16">
        <v>23870</v>
      </c>
      <c r="D59" s="17">
        <v>12118</v>
      </c>
      <c r="E59" s="17">
        <v>11752</v>
      </c>
      <c r="F59" s="17"/>
      <c r="G59" s="21" t="s">
        <v>114</v>
      </c>
      <c r="H59" s="20"/>
      <c r="I59" s="16">
        <v>1630</v>
      </c>
      <c r="J59" s="17">
        <v>344</v>
      </c>
      <c r="K59" s="17">
        <v>1286</v>
      </c>
    </row>
    <row r="60" spans="1:11" ht="15" customHeight="1">
      <c r="A60" s="20" t="s">
        <v>115</v>
      </c>
      <c r="B60" s="20"/>
      <c r="C60" s="16">
        <v>4254</v>
      </c>
      <c r="D60" s="22">
        <v>2200</v>
      </c>
      <c r="E60" s="22">
        <v>2054</v>
      </c>
      <c r="F60" s="22"/>
      <c r="G60" s="21" t="s">
        <v>116</v>
      </c>
      <c r="H60" s="20"/>
      <c r="I60" s="16">
        <v>575</v>
      </c>
      <c r="J60" s="22">
        <v>152</v>
      </c>
      <c r="K60" s="22">
        <v>423</v>
      </c>
    </row>
    <row r="61" spans="1:11" ht="15" customHeight="1">
      <c r="A61" s="20" t="s">
        <v>117</v>
      </c>
      <c r="B61" s="20"/>
      <c r="C61" s="16">
        <v>4371</v>
      </c>
      <c r="D61" s="22">
        <v>2161</v>
      </c>
      <c r="E61" s="22">
        <v>2210</v>
      </c>
      <c r="F61" s="22"/>
      <c r="G61" s="21" t="s">
        <v>118</v>
      </c>
      <c r="H61" s="20"/>
      <c r="I61" s="16">
        <v>395</v>
      </c>
      <c r="J61" s="22">
        <v>78</v>
      </c>
      <c r="K61" s="22">
        <v>317</v>
      </c>
    </row>
    <row r="62" spans="1:11" ht="15" customHeight="1">
      <c r="A62" s="20" t="s">
        <v>119</v>
      </c>
      <c r="B62" s="20"/>
      <c r="C62" s="16">
        <v>4737</v>
      </c>
      <c r="D62" s="22">
        <v>2423</v>
      </c>
      <c r="E62" s="22">
        <v>2314</v>
      </c>
      <c r="F62" s="22"/>
      <c r="G62" s="21" t="s">
        <v>120</v>
      </c>
      <c r="H62" s="20"/>
      <c r="I62" s="16">
        <v>319</v>
      </c>
      <c r="J62" s="22">
        <v>60</v>
      </c>
      <c r="K62" s="22">
        <v>259</v>
      </c>
    </row>
    <row r="63" spans="1:11" ht="15" customHeight="1">
      <c r="A63" s="20" t="s">
        <v>121</v>
      </c>
      <c r="B63" s="20"/>
      <c r="C63" s="16">
        <v>5089</v>
      </c>
      <c r="D63" s="22">
        <v>2605</v>
      </c>
      <c r="E63" s="22">
        <v>2484</v>
      </c>
      <c r="F63" s="22"/>
      <c r="G63" s="21" t="s">
        <v>122</v>
      </c>
      <c r="H63" s="20"/>
      <c r="I63" s="16">
        <v>193</v>
      </c>
      <c r="J63" s="22">
        <v>28</v>
      </c>
      <c r="K63" s="22">
        <v>165</v>
      </c>
    </row>
    <row r="64" spans="1:11" ht="15" customHeight="1">
      <c r="A64" s="20" t="s">
        <v>123</v>
      </c>
      <c r="B64" s="20"/>
      <c r="C64" s="16">
        <v>5419</v>
      </c>
      <c r="D64" s="22">
        <v>2729</v>
      </c>
      <c r="E64" s="22">
        <v>2690</v>
      </c>
      <c r="F64" s="22"/>
      <c r="G64" s="21" t="s">
        <v>124</v>
      </c>
      <c r="H64" s="20"/>
      <c r="I64" s="16">
        <v>148</v>
      </c>
      <c r="J64" s="22">
        <v>26</v>
      </c>
      <c r="K64" s="22">
        <v>122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260</v>
      </c>
      <c r="J65" s="22">
        <v>35</v>
      </c>
      <c r="K65" s="22">
        <v>225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5061</v>
      </c>
      <c r="J66" s="32">
        <v>2333</v>
      </c>
      <c r="K66" s="32">
        <v>2728</v>
      </c>
    </row>
    <row r="68" spans="1:11">
      <c r="F68" s="2"/>
    </row>
    <row r="75" spans="1:11">
      <c r="F75" s="25"/>
    </row>
    <row r="76" spans="1:11">
      <c r="F76" s="26"/>
    </row>
    <row r="77" spans="1:11">
      <c r="F77" s="26"/>
    </row>
    <row r="78" spans="1:11">
      <c r="F78" s="26"/>
    </row>
    <row r="79" spans="1:11">
      <c r="F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5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54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87166</v>
      </c>
      <c r="D4" s="17">
        <v>90525</v>
      </c>
      <c r="E4" s="17">
        <v>96641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5653</v>
      </c>
      <c r="D5" s="17">
        <v>2938</v>
      </c>
      <c r="E5" s="17">
        <v>2715</v>
      </c>
      <c r="F5" s="17"/>
      <c r="G5" s="21" t="s">
        <v>6</v>
      </c>
      <c r="H5" s="20"/>
      <c r="I5" s="16">
        <v>14886</v>
      </c>
      <c r="J5" s="17">
        <v>7566</v>
      </c>
      <c r="K5" s="17">
        <v>7320</v>
      </c>
    </row>
    <row r="6" spans="1:11" ht="15" customHeight="1">
      <c r="A6" s="20" t="s">
        <v>7</v>
      </c>
      <c r="B6" s="20"/>
      <c r="C6" s="16">
        <v>1055</v>
      </c>
      <c r="D6" s="22">
        <v>551</v>
      </c>
      <c r="E6" s="22">
        <v>504</v>
      </c>
      <c r="F6" s="22"/>
      <c r="G6" s="21" t="s">
        <v>8</v>
      </c>
      <c r="H6" s="20"/>
      <c r="I6" s="16">
        <v>3082</v>
      </c>
      <c r="J6" s="22">
        <v>1519</v>
      </c>
      <c r="K6" s="22">
        <v>1563</v>
      </c>
    </row>
    <row r="7" spans="1:11" ht="15" customHeight="1">
      <c r="A7" s="20" t="s">
        <v>9</v>
      </c>
      <c r="B7" s="20"/>
      <c r="C7" s="16">
        <v>1094</v>
      </c>
      <c r="D7" s="22">
        <v>565</v>
      </c>
      <c r="E7" s="22">
        <v>529</v>
      </c>
      <c r="F7" s="22"/>
      <c r="G7" s="21" t="s">
        <v>10</v>
      </c>
      <c r="H7" s="20"/>
      <c r="I7" s="16">
        <v>2977</v>
      </c>
      <c r="J7" s="22">
        <v>1538</v>
      </c>
      <c r="K7" s="22">
        <v>1439</v>
      </c>
    </row>
    <row r="8" spans="1:11" ht="15" customHeight="1">
      <c r="A8" s="20" t="s">
        <v>11</v>
      </c>
      <c r="B8" s="20"/>
      <c r="C8" s="16">
        <v>1122</v>
      </c>
      <c r="D8" s="22">
        <v>580</v>
      </c>
      <c r="E8" s="22">
        <v>542</v>
      </c>
      <c r="F8" s="22"/>
      <c r="G8" s="21" t="s">
        <v>12</v>
      </c>
      <c r="H8" s="20"/>
      <c r="I8" s="16">
        <v>2981</v>
      </c>
      <c r="J8" s="22">
        <v>1509</v>
      </c>
      <c r="K8" s="22">
        <v>1472</v>
      </c>
    </row>
    <row r="9" spans="1:11" ht="15" customHeight="1">
      <c r="A9" s="20" t="s">
        <v>13</v>
      </c>
      <c r="B9" s="20"/>
      <c r="C9" s="16">
        <v>1193</v>
      </c>
      <c r="D9" s="22">
        <v>628</v>
      </c>
      <c r="E9" s="22">
        <v>565</v>
      </c>
      <c r="F9" s="22"/>
      <c r="G9" s="21" t="s">
        <v>14</v>
      </c>
      <c r="H9" s="20"/>
      <c r="I9" s="16">
        <v>2963</v>
      </c>
      <c r="J9" s="22">
        <v>1480</v>
      </c>
      <c r="K9" s="22">
        <v>1483</v>
      </c>
    </row>
    <row r="10" spans="1:11" ht="15" customHeight="1">
      <c r="A10" s="20" t="s">
        <v>15</v>
      </c>
      <c r="B10" s="20"/>
      <c r="C10" s="16">
        <v>1189</v>
      </c>
      <c r="D10" s="22">
        <v>614</v>
      </c>
      <c r="E10" s="22">
        <v>575</v>
      </c>
      <c r="F10" s="22"/>
      <c r="G10" s="21" t="s">
        <v>16</v>
      </c>
      <c r="H10" s="20"/>
      <c r="I10" s="16">
        <v>2883</v>
      </c>
      <c r="J10" s="22">
        <v>1520</v>
      </c>
      <c r="K10" s="22">
        <v>1363</v>
      </c>
    </row>
    <row r="11" spans="1:11" ht="20.100000000000001" customHeight="1">
      <c r="A11" s="20" t="s">
        <v>17</v>
      </c>
      <c r="B11" s="20"/>
      <c r="C11" s="16">
        <v>6546</v>
      </c>
      <c r="D11" s="17">
        <v>3358</v>
      </c>
      <c r="E11" s="17">
        <v>3188</v>
      </c>
      <c r="F11" s="17"/>
      <c r="G11" s="21" t="s">
        <v>18</v>
      </c>
      <c r="H11" s="20"/>
      <c r="I11" s="16">
        <v>13309</v>
      </c>
      <c r="J11" s="17">
        <v>6779</v>
      </c>
      <c r="K11" s="17">
        <v>6530</v>
      </c>
    </row>
    <row r="12" spans="1:11" ht="15" customHeight="1">
      <c r="A12" s="20" t="s">
        <v>19</v>
      </c>
      <c r="B12" s="20"/>
      <c r="C12" s="16">
        <v>1213</v>
      </c>
      <c r="D12" s="22">
        <v>609</v>
      </c>
      <c r="E12" s="22">
        <v>604</v>
      </c>
      <c r="F12" s="22"/>
      <c r="G12" s="21" t="s">
        <v>20</v>
      </c>
      <c r="H12" s="20"/>
      <c r="I12" s="16">
        <v>3063</v>
      </c>
      <c r="J12" s="22">
        <v>1545</v>
      </c>
      <c r="K12" s="22">
        <v>1518</v>
      </c>
    </row>
    <row r="13" spans="1:11" ht="15" customHeight="1">
      <c r="A13" s="20" t="s">
        <v>21</v>
      </c>
      <c r="B13" s="20"/>
      <c r="C13" s="16">
        <v>1276</v>
      </c>
      <c r="D13" s="22">
        <v>641</v>
      </c>
      <c r="E13" s="22">
        <v>635</v>
      </c>
      <c r="F13" s="22"/>
      <c r="G13" s="21" t="s">
        <v>22</v>
      </c>
      <c r="H13" s="20"/>
      <c r="I13" s="16">
        <v>2175</v>
      </c>
      <c r="J13" s="22">
        <v>1151</v>
      </c>
      <c r="K13" s="22">
        <v>1024</v>
      </c>
    </row>
    <row r="14" spans="1:11" ht="15" customHeight="1">
      <c r="A14" s="20" t="s">
        <v>23</v>
      </c>
      <c r="B14" s="20"/>
      <c r="C14" s="16">
        <v>1309</v>
      </c>
      <c r="D14" s="22">
        <v>658</v>
      </c>
      <c r="E14" s="22">
        <v>651</v>
      </c>
      <c r="F14" s="22"/>
      <c r="G14" s="21" t="s">
        <v>24</v>
      </c>
      <c r="H14" s="20"/>
      <c r="I14" s="16">
        <v>2890</v>
      </c>
      <c r="J14" s="22">
        <v>1472</v>
      </c>
      <c r="K14" s="22">
        <v>1418</v>
      </c>
    </row>
    <row r="15" spans="1:11" ht="15" customHeight="1">
      <c r="A15" s="20" t="s">
        <v>25</v>
      </c>
      <c r="B15" s="20"/>
      <c r="C15" s="16">
        <v>1360</v>
      </c>
      <c r="D15" s="22">
        <v>720</v>
      </c>
      <c r="E15" s="22">
        <v>640</v>
      </c>
      <c r="F15" s="22"/>
      <c r="G15" s="21" t="s">
        <v>26</v>
      </c>
      <c r="H15" s="20"/>
      <c r="I15" s="16">
        <v>2613</v>
      </c>
      <c r="J15" s="22">
        <v>1323</v>
      </c>
      <c r="K15" s="22">
        <v>1290</v>
      </c>
    </row>
    <row r="16" spans="1:11" ht="15" customHeight="1">
      <c r="A16" s="20" t="s">
        <v>27</v>
      </c>
      <c r="B16" s="20"/>
      <c r="C16" s="16">
        <v>1388</v>
      </c>
      <c r="D16" s="22">
        <v>730</v>
      </c>
      <c r="E16" s="22">
        <v>658</v>
      </c>
      <c r="F16" s="22"/>
      <c r="G16" s="21" t="s">
        <v>28</v>
      </c>
      <c r="H16" s="20"/>
      <c r="I16" s="16">
        <v>2568</v>
      </c>
      <c r="J16" s="22">
        <v>1288</v>
      </c>
      <c r="K16" s="22">
        <v>1280</v>
      </c>
    </row>
    <row r="17" spans="1:11" ht="20.100000000000001" customHeight="1">
      <c r="A17" s="24" t="s">
        <v>29</v>
      </c>
      <c r="B17" s="24"/>
      <c r="C17" s="16">
        <v>7574</v>
      </c>
      <c r="D17" s="17">
        <v>3941</v>
      </c>
      <c r="E17" s="17">
        <v>3633</v>
      </c>
      <c r="F17" s="17"/>
      <c r="G17" s="21" t="s">
        <v>30</v>
      </c>
      <c r="H17" s="20"/>
      <c r="I17" s="16">
        <v>11675</v>
      </c>
      <c r="J17" s="17">
        <v>5837</v>
      </c>
      <c r="K17" s="17">
        <v>5838</v>
      </c>
    </row>
    <row r="18" spans="1:11" ht="15" customHeight="1">
      <c r="A18" s="20" t="s">
        <v>31</v>
      </c>
      <c r="B18" s="20"/>
      <c r="C18" s="16">
        <v>1506</v>
      </c>
      <c r="D18" s="22">
        <v>770</v>
      </c>
      <c r="E18" s="22">
        <v>736</v>
      </c>
      <c r="F18" s="22"/>
      <c r="G18" s="21" t="s">
        <v>32</v>
      </c>
      <c r="H18" s="20"/>
      <c r="I18" s="16">
        <v>2343</v>
      </c>
      <c r="J18" s="22">
        <v>1178</v>
      </c>
      <c r="K18" s="22">
        <v>1165</v>
      </c>
    </row>
    <row r="19" spans="1:11" ht="15" customHeight="1">
      <c r="A19" s="20" t="s">
        <v>33</v>
      </c>
      <c r="B19" s="20"/>
      <c r="C19" s="16">
        <v>1456</v>
      </c>
      <c r="D19" s="22">
        <v>769</v>
      </c>
      <c r="E19" s="22">
        <v>687</v>
      </c>
      <c r="F19" s="22"/>
      <c r="G19" s="21" t="s">
        <v>34</v>
      </c>
      <c r="H19" s="20"/>
      <c r="I19" s="16">
        <v>2314</v>
      </c>
      <c r="J19" s="22">
        <v>1145</v>
      </c>
      <c r="K19" s="22">
        <v>1169</v>
      </c>
    </row>
    <row r="20" spans="1:11" ht="15" customHeight="1">
      <c r="A20" s="20" t="s">
        <v>35</v>
      </c>
      <c r="B20" s="20"/>
      <c r="C20" s="16">
        <v>1502</v>
      </c>
      <c r="D20" s="22">
        <v>776</v>
      </c>
      <c r="E20" s="22">
        <v>726</v>
      </c>
      <c r="F20" s="22"/>
      <c r="G20" s="21" t="s">
        <v>36</v>
      </c>
      <c r="H20" s="20"/>
      <c r="I20" s="16">
        <v>2339</v>
      </c>
      <c r="J20" s="22">
        <v>1172</v>
      </c>
      <c r="K20" s="22">
        <v>1167</v>
      </c>
    </row>
    <row r="21" spans="1:11" ht="15" customHeight="1">
      <c r="A21" s="20" t="s">
        <v>37</v>
      </c>
      <c r="B21" s="20"/>
      <c r="C21" s="16">
        <v>1548</v>
      </c>
      <c r="D21" s="22">
        <v>809</v>
      </c>
      <c r="E21" s="22">
        <v>739</v>
      </c>
      <c r="F21" s="22"/>
      <c r="G21" s="21" t="s">
        <v>38</v>
      </c>
      <c r="H21" s="20"/>
      <c r="I21" s="16">
        <v>2357</v>
      </c>
      <c r="J21" s="22">
        <v>1184</v>
      </c>
      <c r="K21" s="22">
        <v>1173</v>
      </c>
    </row>
    <row r="22" spans="1:11" ht="15" customHeight="1">
      <c r="A22" s="20" t="s">
        <v>39</v>
      </c>
      <c r="B22" s="20"/>
      <c r="C22" s="16">
        <v>1562</v>
      </c>
      <c r="D22" s="22">
        <v>817</v>
      </c>
      <c r="E22" s="22">
        <v>745</v>
      </c>
      <c r="F22" s="22"/>
      <c r="G22" s="21" t="s">
        <v>40</v>
      </c>
      <c r="H22" s="20"/>
      <c r="I22" s="16">
        <v>2322</v>
      </c>
      <c r="J22" s="22">
        <v>1158</v>
      </c>
      <c r="K22" s="22">
        <v>1164</v>
      </c>
    </row>
    <row r="23" spans="1:11" ht="20.100000000000001" customHeight="1">
      <c r="A23" s="20" t="s">
        <v>41</v>
      </c>
      <c r="B23" s="20"/>
      <c r="C23" s="16">
        <v>7973</v>
      </c>
      <c r="D23" s="17">
        <v>3992</v>
      </c>
      <c r="E23" s="17">
        <v>3981</v>
      </c>
      <c r="F23" s="17"/>
      <c r="G23" s="21" t="s">
        <v>42</v>
      </c>
      <c r="H23" s="20"/>
      <c r="I23" s="16">
        <v>11243</v>
      </c>
      <c r="J23" s="17">
        <v>5438</v>
      </c>
      <c r="K23" s="17">
        <v>5805</v>
      </c>
    </row>
    <row r="24" spans="1:11" ht="15" customHeight="1">
      <c r="A24" s="20" t="s">
        <v>43</v>
      </c>
      <c r="B24" s="20"/>
      <c r="C24" s="16">
        <v>1567</v>
      </c>
      <c r="D24" s="22">
        <v>787</v>
      </c>
      <c r="E24" s="22">
        <v>780</v>
      </c>
      <c r="F24" s="22"/>
      <c r="G24" s="21" t="s">
        <v>44</v>
      </c>
      <c r="H24" s="20"/>
      <c r="I24" s="16">
        <v>2216</v>
      </c>
      <c r="J24" s="22">
        <v>1079</v>
      </c>
      <c r="K24" s="22">
        <v>1137</v>
      </c>
    </row>
    <row r="25" spans="1:11" ht="15" customHeight="1">
      <c r="A25" s="20" t="s">
        <v>45</v>
      </c>
      <c r="B25" s="20"/>
      <c r="C25" s="16">
        <v>1561</v>
      </c>
      <c r="D25" s="22">
        <v>785</v>
      </c>
      <c r="E25" s="22">
        <v>776</v>
      </c>
      <c r="F25" s="22"/>
      <c r="G25" s="21" t="s">
        <v>46</v>
      </c>
      <c r="H25" s="20"/>
      <c r="I25" s="16">
        <v>2169</v>
      </c>
      <c r="J25" s="22">
        <v>1065</v>
      </c>
      <c r="K25" s="22">
        <v>1104</v>
      </c>
    </row>
    <row r="26" spans="1:11" ht="15" customHeight="1">
      <c r="A26" s="20" t="s">
        <v>47</v>
      </c>
      <c r="B26" s="20"/>
      <c r="C26" s="16">
        <v>1532</v>
      </c>
      <c r="D26" s="22">
        <v>754</v>
      </c>
      <c r="E26" s="22">
        <v>778</v>
      </c>
      <c r="F26" s="22"/>
      <c r="G26" s="21" t="s">
        <v>48</v>
      </c>
      <c r="H26" s="20"/>
      <c r="I26" s="16">
        <v>2249</v>
      </c>
      <c r="J26" s="22">
        <v>1069</v>
      </c>
      <c r="K26" s="22">
        <v>1180</v>
      </c>
    </row>
    <row r="27" spans="1:11" ht="15" customHeight="1">
      <c r="A27" s="20" t="s">
        <v>49</v>
      </c>
      <c r="B27" s="20"/>
      <c r="C27" s="16">
        <v>1596</v>
      </c>
      <c r="D27" s="22">
        <v>821</v>
      </c>
      <c r="E27" s="22">
        <v>775</v>
      </c>
      <c r="F27" s="22"/>
      <c r="G27" s="21" t="s">
        <v>50</v>
      </c>
      <c r="H27" s="20"/>
      <c r="I27" s="16">
        <v>2274</v>
      </c>
      <c r="J27" s="22">
        <v>1077</v>
      </c>
      <c r="K27" s="22">
        <v>1197</v>
      </c>
    </row>
    <row r="28" spans="1:11" ht="15" customHeight="1">
      <c r="A28" s="20" t="s">
        <v>51</v>
      </c>
      <c r="B28" s="20"/>
      <c r="C28" s="16">
        <v>1717</v>
      </c>
      <c r="D28" s="22">
        <v>845</v>
      </c>
      <c r="E28" s="22">
        <v>872</v>
      </c>
      <c r="F28" s="22"/>
      <c r="G28" s="21" t="s">
        <v>52</v>
      </c>
      <c r="H28" s="20"/>
      <c r="I28" s="16">
        <v>2335</v>
      </c>
      <c r="J28" s="22">
        <v>1148</v>
      </c>
      <c r="K28" s="22">
        <v>1187</v>
      </c>
    </row>
    <row r="29" spans="1:11" ht="20.100000000000001" customHeight="1">
      <c r="A29" s="20" t="s">
        <v>53</v>
      </c>
      <c r="B29" s="20"/>
      <c r="C29" s="16">
        <v>8353</v>
      </c>
      <c r="D29" s="17">
        <v>4102</v>
      </c>
      <c r="E29" s="17">
        <v>4251</v>
      </c>
      <c r="F29" s="17"/>
      <c r="G29" s="21" t="s">
        <v>54</v>
      </c>
      <c r="H29" s="20"/>
      <c r="I29" s="16">
        <v>14604</v>
      </c>
      <c r="J29" s="17">
        <v>6941</v>
      </c>
      <c r="K29" s="17">
        <v>7663</v>
      </c>
    </row>
    <row r="30" spans="1:11" ht="15" customHeight="1">
      <c r="A30" s="20" t="s">
        <v>55</v>
      </c>
      <c r="B30" s="20"/>
      <c r="C30" s="16">
        <v>1716</v>
      </c>
      <c r="D30" s="22">
        <v>865</v>
      </c>
      <c r="E30" s="22">
        <v>851</v>
      </c>
      <c r="F30" s="22"/>
      <c r="G30" s="21" t="s">
        <v>56</v>
      </c>
      <c r="H30" s="20"/>
      <c r="I30" s="16">
        <v>2574</v>
      </c>
      <c r="J30" s="22">
        <v>1282</v>
      </c>
      <c r="K30" s="22">
        <v>1292</v>
      </c>
    </row>
    <row r="31" spans="1:11" ht="15" customHeight="1">
      <c r="A31" s="20" t="s">
        <v>57</v>
      </c>
      <c r="B31" s="20"/>
      <c r="C31" s="16">
        <v>1629</v>
      </c>
      <c r="D31" s="22">
        <v>842</v>
      </c>
      <c r="E31" s="22">
        <v>787</v>
      </c>
      <c r="F31" s="22"/>
      <c r="G31" s="21" t="s">
        <v>58</v>
      </c>
      <c r="H31" s="20"/>
      <c r="I31" s="16">
        <v>2755</v>
      </c>
      <c r="J31" s="22">
        <v>1279</v>
      </c>
      <c r="K31" s="22">
        <v>1476</v>
      </c>
    </row>
    <row r="32" spans="1:11" ht="15" customHeight="1">
      <c r="A32" s="20" t="s">
        <v>59</v>
      </c>
      <c r="B32" s="20"/>
      <c r="C32" s="16">
        <v>1698</v>
      </c>
      <c r="D32" s="22">
        <v>792</v>
      </c>
      <c r="E32" s="22">
        <v>906</v>
      </c>
      <c r="F32" s="22"/>
      <c r="G32" s="21" t="s">
        <v>60</v>
      </c>
      <c r="H32" s="20"/>
      <c r="I32" s="16">
        <v>2871</v>
      </c>
      <c r="J32" s="22">
        <v>1361</v>
      </c>
      <c r="K32" s="22">
        <v>1510</v>
      </c>
    </row>
    <row r="33" spans="1:11" ht="15" customHeight="1">
      <c r="A33" s="20" t="s">
        <v>61</v>
      </c>
      <c r="B33" s="20"/>
      <c r="C33" s="16">
        <v>1650</v>
      </c>
      <c r="D33" s="22">
        <v>772</v>
      </c>
      <c r="E33" s="22">
        <v>878</v>
      </c>
      <c r="F33" s="22"/>
      <c r="G33" s="21" t="s">
        <v>62</v>
      </c>
      <c r="H33" s="20"/>
      <c r="I33" s="16">
        <v>3310</v>
      </c>
      <c r="J33" s="22">
        <v>1549</v>
      </c>
      <c r="K33" s="22">
        <v>1761</v>
      </c>
    </row>
    <row r="34" spans="1:11" ht="15" customHeight="1">
      <c r="A34" s="20" t="s">
        <v>63</v>
      </c>
      <c r="B34" s="20"/>
      <c r="C34" s="16">
        <v>1660</v>
      </c>
      <c r="D34" s="22">
        <v>831</v>
      </c>
      <c r="E34" s="22">
        <v>829</v>
      </c>
      <c r="F34" s="22"/>
      <c r="G34" s="21" t="s">
        <v>64</v>
      </c>
      <c r="H34" s="20"/>
      <c r="I34" s="16">
        <v>3094</v>
      </c>
      <c r="J34" s="22">
        <v>1470</v>
      </c>
      <c r="K34" s="22">
        <v>1624</v>
      </c>
    </row>
    <row r="35" spans="1:11" ht="20.100000000000001" customHeight="1">
      <c r="A35" s="20" t="s">
        <v>65</v>
      </c>
      <c r="B35" s="20"/>
      <c r="C35" s="16">
        <v>8060</v>
      </c>
      <c r="D35" s="17">
        <v>4044</v>
      </c>
      <c r="E35" s="17">
        <v>4016</v>
      </c>
      <c r="F35" s="17"/>
      <c r="G35" s="21" t="s">
        <v>66</v>
      </c>
      <c r="H35" s="20"/>
      <c r="I35" s="16">
        <v>11667</v>
      </c>
      <c r="J35" s="17">
        <v>5329</v>
      </c>
      <c r="K35" s="17">
        <v>6338</v>
      </c>
    </row>
    <row r="36" spans="1:11" ht="15" customHeight="1">
      <c r="A36" s="20" t="s">
        <v>67</v>
      </c>
      <c r="B36" s="20"/>
      <c r="C36" s="16">
        <v>1560</v>
      </c>
      <c r="D36" s="22">
        <v>750</v>
      </c>
      <c r="E36" s="22">
        <v>810</v>
      </c>
      <c r="F36" s="22"/>
      <c r="G36" s="21" t="s">
        <v>68</v>
      </c>
      <c r="H36" s="20"/>
      <c r="I36" s="16">
        <v>3129</v>
      </c>
      <c r="J36" s="22">
        <v>1496</v>
      </c>
      <c r="K36" s="22">
        <v>1633</v>
      </c>
    </row>
    <row r="37" spans="1:11" ht="15" customHeight="1">
      <c r="A37" s="20" t="s">
        <v>69</v>
      </c>
      <c r="B37" s="20"/>
      <c r="C37" s="16">
        <v>1601</v>
      </c>
      <c r="D37" s="22">
        <v>785</v>
      </c>
      <c r="E37" s="22">
        <v>816</v>
      </c>
      <c r="F37" s="22"/>
      <c r="G37" s="21" t="s">
        <v>70</v>
      </c>
      <c r="H37" s="20"/>
      <c r="I37" s="16">
        <v>2143</v>
      </c>
      <c r="J37" s="22">
        <v>1002</v>
      </c>
      <c r="K37" s="22">
        <v>1141</v>
      </c>
    </row>
    <row r="38" spans="1:11" ht="15" customHeight="1">
      <c r="A38" s="20" t="s">
        <v>71</v>
      </c>
      <c r="B38" s="20"/>
      <c r="C38" s="16">
        <v>1620</v>
      </c>
      <c r="D38" s="22">
        <v>841</v>
      </c>
      <c r="E38" s="22">
        <v>779</v>
      </c>
      <c r="F38" s="22"/>
      <c r="G38" s="21" t="s">
        <v>72</v>
      </c>
      <c r="H38" s="20"/>
      <c r="I38" s="16">
        <v>1819</v>
      </c>
      <c r="J38" s="22">
        <v>788</v>
      </c>
      <c r="K38" s="22">
        <v>1031</v>
      </c>
    </row>
    <row r="39" spans="1:11" ht="15" customHeight="1">
      <c r="A39" s="20" t="s">
        <v>73</v>
      </c>
      <c r="B39" s="20"/>
      <c r="C39" s="16">
        <v>1633</v>
      </c>
      <c r="D39" s="22">
        <v>828</v>
      </c>
      <c r="E39" s="22">
        <v>805</v>
      </c>
      <c r="F39" s="22"/>
      <c r="G39" s="21" t="s">
        <v>74</v>
      </c>
      <c r="H39" s="20"/>
      <c r="I39" s="16">
        <v>2227</v>
      </c>
      <c r="J39" s="22">
        <v>995</v>
      </c>
      <c r="K39" s="22">
        <v>1232</v>
      </c>
    </row>
    <row r="40" spans="1:11" ht="15" customHeight="1">
      <c r="A40" s="20" t="s">
        <v>75</v>
      </c>
      <c r="B40" s="20"/>
      <c r="C40" s="16">
        <v>1646</v>
      </c>
      <c r="D40" s="22">
        <v>840</v>
      </c>
      <c r="E40" s="22">
        <v>806</v>
      </c>
      <c r="F40" s="22"/>
      <c r="G40" s="21" t="s">
        <v>76</v>
      </c>
      <c r="H40" s="20"/>
      <c r="I40" s="16">
        <v>2349</v>
      </c>
      <c r="J40" s="22">
        <v>1048</v>
      </c>
      <c r="K40" s="22">
        <v>1301</v>
      </c>
    </row>
    <row r="41" spans="1:11" ht="20.100000000000001" customHeight="1">
      <c r="A41" s="20" t="s">
        <v>77</v>
      </c>
      <c r="B41" s="20"/>
      <c r="C41" s="16">
        <v>8581</v>
      </c>
      <c r="D41" s="17">
        <v>4395</v>
      </c>
      <c r="E41" s="17">
        <v>4186</v>
      </c>
      <c r="F41" s="17"/>
      <c r="G41" s="21" t="s">
        <v>78</v>
      </c>
      <c r="H41" s="20"/>
      <c r="I41" s="16">
        <v>9269</v>
      </c>
      <c r="J41" s="17">
        <v>3783</v>
      </c>
      <c r="K41" s="17">
        <v>5486</v>
      </c>
    </row>
    <row r="42" spans="1:11" ht="15" customHeight="1">
      <c r="A42" s="20" t="s">
        <v>79</v>
      </c>
      <c r="B42" s="20"/>
      <c r="C42" s="16">
        <v>1631</v>
      </c>
      <c r="D42" s="22">
        <v>832</v>
      </c>
      <c r="E42" s="22">
        <v>799</v>
      </c>
      <c r="F42" s="22"/>
      <c r="G42" s="21" t="s">
        <v>80</v>
      </c>
      <c r="H42" s="20"/>
      <c r="I42" s="16">
        <v>2178</v>
      </c>
      <c r="J42" s="22">
        <v>895</v>
      </c>
      <c r="K42" s="22">
        <v>1283</v>
      </c>
    </row>
    <row r="43" spans="1:11" ht="15" customHeight="1">
      <c r="A43" s="20" t="s">
        <v>81</v>
      </c>
      <c r="B43" s="20"/>
      <c r="C43" s="16">
        <v>1688</v>
      </c>
      <c r="D43" s="22">
        <v>840</v>
      </c>
      <c r="E43" s="22">
        <v>848</v>
      </c>
      <c r="F43" s="22"/>
      <c r="G43" s="21" t="s">
        <v>82</v>
      </c>
      <c r="H43" s="20"/>
      <c r="I43" s="16">
        <v>2123</v>
      </c>
      <c r="J43" s="22">
        <v>879</v>
      </c>
      <c r="K43" s="22">
        <v>1244</v>
      </c>
    </row>
    <row r="44" spans="1:11" ht="15" customHeight="1">
      <c r="A44" s="20" t="s">
        <v>83</v>
      </c>
      <c r="B44" s="20"/>
      <c r="C44" s="16">
        <v>1715</v>
      </c>
      <c r="D44" s="22">
        <v>885</v>
      </c>
      <c r="E44" s="22">
        <v>830</v>
      </c>
      <c r="F44" s="22"/>
      <c r="G44" s="21" t="s">
        <v>84</v>
      </c>
      <c r="H44" s="20"/>
      <c r="I44" s="16">
        <v>1863</v>
      </c>
      <c r="J44" s="22">
        <v>786</v>
      </c>
      <c r="K44" s="22">
        <v>1077</v>
      </c>
    </row>
    <row r="45" spans="1:11" ht="15" customHeight="1">
      <c r="A45" s="20" t="s">
        <v>85</v>
      </c>
      <c r="B45" s="20"/>
      <c r="C45" s="16">
        <v>1749</v>
      </c>
      <c r="D45" s="22">
        <v>913</v>
      </c>
      <c r="E45" s="22">
        <v>836</v>
      </c>
      <c r="F45" s="22"/>
      <c r="G45" s="21" t="s">
        <v>86</v>
      </c>
      <c r="H45" s="20"/>
      <c r="I45" s="16">
        <v>1616</v>
      </c>
      <c r="J45" s="22">
        <v>631</v>
      </c>
      <c r="K45" s="22">
        <v>985</v>
      </c>
    </row>
    <row r="46" spans="1:11" ht="15" customHeight="1">
      <c r="A46" s="20" t="s">
        <v>87</v>
      </c>
      <c r="B46" s="20"/>
      <c r="C46" s="16">
        <v>1798</v>
      </c>
      <c r="D46" s="22">
        <v>925</v>
      </c>
      <c r="E46" s="22">
        <v>873</v>
      </c>
      <c r="F46" s="22"/>
      <c r="G46" s="21" t="s">
        <v>88</v>
      </c>
      <c r="H46" s="20"/>
      <c r="I46" s="16">
        <v>1489</v>
      </c>
      <c r="J46" s="22">
        <v>592</v>
      </c>
      <c r="K46" s="22">
        <v>897</v>
      </c>
    </row>
    <row r="47" spans="1:11" ht="20.100000000000001" customHeight="1">
      <c r="A47" s="20" t="s">
        <v>89</v>
      </c>
      <c r="B47" s="20"/>
      <c r="C47" s="16">
        <v>9822</v>
      </c>
      <c r="D47" s="17">
        <v>5011</v>
      </c>
      <c r="E47" s="17">
        <v>4811</v>
      </c>
      <c r="F47" s="17"/>
      <c r="G47" s="21" t="s">
        <v>90</v>
      </c>
      <c r="H47" s="20"/>
      <c r="I47" s="16">
        <v>6198</v>
      </c>
      <c r="J47" s="17">
        <v>2265</v>
      </c>
      <c r="K47" s="17">
        <v>3933</v>
      </c>
    </row>
    <row r="48" spans="1:11" ht="15" customHeight="1">
      <c r="A48" s="20" t="s">
        <v>91</v>
      </c>
      <c r="B48" s="20"/>
      <c r="C48" s="16">
        <v>1830</v>
      </c>
      <c r="D48" s="22">
        <v>951</v>
      </c>
      <c r="E48" s="22">
        <v>879</v>
      </c>
      <c r="F48" s="22"/>
      <c r="G48" s="21" t="s">
        <v>92</v>
      </c>
      <c r="H48" s="20"/>
      <c r="I48" s="16">
        <v>1533</v>
      </c>
      <c r="J48" s="22">
        <v>580</v>
      </c>
      <c r="K48" s="22">
        <v>953</v>
      </c>
    </row>
    <row r="49" spans="1:11" ht="15" customHeight="1">
      <c r="A49" s="20" t="s">
        <v>93</v>
      </c>
      <c r="B49" s="20"/>
      <c r="C49" s="16">
        <v>1864</v>
      </c>
      <c r="D49" s="22">
        <v>950</v>
      </c>
      <c r="E49" s="22">
        <v>914</v>
      </c>
      <c r="F49" s="22"/>
      <c r="G49" s="21" t="s">
        <v>94</v>
      </c>
      <c r="H49" s="20"/>
      <c r="I49" s="16">
        <v>1324</v>
      </c>
      <c r="J49" s="22">
        <v>501</v>
      </c>
      <c r="K49" s="22">
        <v>823</v>
      </c>
    </row>
    <row r="50" spans="1:11" ht="15" customHeight="1">
      <c r="A50" s="20" t="s">
        <v>95</v>
      </c>
      <c r="B50" s="20"/>
      <c r="C50" s="16">
        <v>1961</v>
      </c>
      <c r="D50" s="22">
        <v>1023</v>
      </c>
      <c r="E50" s="22">
        <v>938</v>
      </c>
      <c r="F50" s="22"/>
      <c r="G50" s="21" t="s">
        <v>96</v>
      </c>
      <c r="H50" s="20"/>
      <c r="I50" s="16">
        <v>1279</v>
      </c>
      <c r="J50" s="22">
        <v>468</v>
      </c>
      <c r="K50" s="22">
        <v>811</v>
      </c>
    </row>
    <row r="51" spans="1:11" ht="15" customHeight="1">
      <c r="A51" s="20" t="s">
        <v>97</v>
      </c>
      <c r="B51" s="20"/>
      <c r="C51" s="16">
        <v>2032</v>
      </c>
      <c r="D51" s="22">
        <v>1022</v>
      </c>
      <c r="E51" s="22">
        <v>1010</v>
      </c>
      <c r="F51" s="22"/>
      <c r="G51" s="21" t="s">
        <v>98</v>
      </c>
      <c r="H51" s="20"/>
      <c r="I51" s="16">
        <v>1072</v>
      </c>
      <c r="J51" s="22">
        <v>384</v>
      </c>
      <c r="K51" s="22">
        <v>688</v>
      </c>
    </row>
    <row r="52" spans="1:11" ht="15" customHeight="1">
      <c r="A52" s="20" t="s">
        <v>99</v>
      </c>
      <c r="B52" s="20"/>
      <c r="C52" s="16">
        <v>2135</v>
      </c>
      <c r="D52" s="22">
        <v>1065</v>
      </c>
      <c r="E52" s="22">
        <v>1070</v>
      </c>
      <c r="F52" s="22"/>
      <c r="G52" s="21" t="s">
        <v>100</v>
      </c>
      <c r="H52" s="20"/>
      <c r="I52" s="16">
        <v>990</v>
      </c>
      <c r="J52" s="22">
        <v>332</v>
      </c>
      <c r="K52" s="22">
        <v>658</v>
      </c>
    </row>
    <row r="53" spans="1:11" ht="20.100000000000001" customHeight="1">
      <c r="A53" s="20" t="s">
        <v>101</v>
      </c>
      <c r="B53" s="20"/>
      <c r="C53" s="16">
        <v>10981</v>
      </c>
      <c r="D53" s="17">
        <v>5535</v>
      </c>
      <c r="E53" s="17">
        <v>5446</v>
      </c>
      <c r="F53" s="17"/>
      <c r="G53" s="21" t="s">
        <v>102</v>
      </c>
      <c r="H53" s="20"/>
      <c r="I53" s="16">
        <v>2928</v>
      </c>
      <c r="J53" s="17">
        <v>847</v>
      </c>
      <c r="K53" s="17">
        <v>2081</v>
      </c>
    </row>
    <row r="54" spans="1:11" ht="15" customHeight="1">
      <c r="A54" s="20" t="s">
        <v>103</v>
      </c>
      <c r="B54" s="20"/>
      <c r="C54" s="16">
        <v>2074</v>
      </c>
      <c r="D54" s="22">
        <v>1055</v>
      </c>
      <c r="E54" s="22">
        <v>1019</v>
      </c>
      <c r="F54" s="22"/>
      <c r="G54" s="21" t="s">
        <v>104</v>
      </c>
      <c r="H54" s="20"/>
      <c r="I54" s="16">
        <v>847</v>
      </c>
      <c r="J54" s="22">
        <v>274</v>
      </c>
      <c r="K54" s="22">
        <v>573</v>
      </c>
    </row>
    <row r="55" spans="1:11" ht="15" customHeight="1">
      <c r="A55" s="20" t="s">
        <v>105</v>
      </c>
      <c r="B55" s="20"/>
      <c r="C55" s="16">
        <v>2134</v>
      </c>
      <c r="D55" s="22">
        <v>1062</v>
      </c>
      <c r="E55" s="22">
        <v>1072</v>
      </c>
      <c r="F55" s="22"/>
      <c r="G55" s="21" t="s">
        <v>106</v>
      </c>
      <c r="H55" s="20"/>
      <c r="I55" s="16">
        <v>669</v>
      </c>
      <c r="J55" s="22">
        <v>213</v>
      </c>
      <c r="K55" s="22">
        <v>456</v>
      </c>
    </row>
    <row r="56" spans="1:11" ht="15" customHeight="1">
      <c r="A56" s="20" t="s">
        <v>107</v>
      </c>
      <c r="B56" s="20"/>
      <c r="C56" s="16">
        <v>2243</v>
      </c>
      <c r="D56" s="22">
        <v>1114</v>
      </c>
      <c r="E56" s="22">
        <v>1129</v>
      </c>
      <c r="F56" s="22"/>
      <c r="G56" s="21" t="s">
        <v>108</v>
      </c>
      <c r="H56" s="20"/>
      <c r="I56" s="16">
        <v>557</v>
      </c>
      <c r="J56" s="22">
        <v>141</v>
      </c>
      <c r="K56" s="22">
        <v>416</v>
      </c>
    </row>
    <row r="57" spans="1:11" ht="15" customHeight="1">
      <c r="A57" s="20" t="s">
        <v>109</v>
      </c>
      <c r="B57" s="20"/>
      <c r="C57" s="16">
        <v>2173</v>
      </c>
      <c r="D57" s="22">
        <v>1107</v>
      </c>
      <c r="E57" s="22">
        <v>1066</v>
      </c>
      <c r="F57" s="22"/>
      <c r="G57" s="21" t="s">
        <v>110</v>
      </c>
      <c r="H57" s="20"/>
      <c r="I57" s="16">
        <v>466</v>
      </c>
      <c r="J57" s="22">
        <v>129</v>
      </c>
      <c r="K57" s="22">
        <v>337</v>
      </c>
    </row>
    <row r="58" spans="1:11" ht="15" customHeight="1">
      <c r="A58" s="20" t="s">
        <v>111</v>
      </c>
      <c r="B58" s="20"/>
      <c r="C58" s="16">
        <v>2357</v>
      </c>
      <c r="D58" s="22">
        <v>1197</v>
      </c>
      <c r="E58" s="22">
        <v>1160</v>
      </c>
      <c r="F58" s="22"/>
      <c r="G58" s="21" t="s">
        <v>112</v>
      </c>
      <c r="H58" s="20"/>
      <c r="I58" s="16">
        <v>389</v>
      </c>
      <c r="J58" s="22">
        <v>90</v>
      </c>
      <c r="K58" s="22">
        <v>299</v>
      </c>
    </row>
    <row r="59" spans="1:11" ht="20.100000000000001" customHeight="1">
      <c r="A59" s="20" t="s">
        <v>113</v>
      </c>
      <c r="B59" s="20"/>
      <c r="C59" s="16">
        <v>13631</v>
      </c>
      <c r="D59" s="17">
        <v>6876</v>
      </c>
      <c r="E59" s="17">
        <v>6755</v>
      </c>
      <c r="F59" s="17"/>
      <c r="G59" s="21" t="s">
        <v>114</v>
      </c>
      <c r="H59" s="20"/>
      <c r="I59" s="16">
        <v>853</v>
      </c>
      <c r="J59" s="17">
        <v>179</v>
      </c>
      <c r="K59" s="17">
        <v>674</v>
      </c>
    </row>
    <row r="60" spans="1:11" ht="15" customHeight="1">
      <c r="A60" s="20" t="s">
        <v>115</v>
      </c>
      <c r="B60" s="20"/>
      <c r="C60" s="16">
        <v>2503</v>
      </c>
      <c r="D60" s="22">
        <v>1306</v>
      </c>
      <c r="E60" s="22">
        <v>1197</v>
      </c>
      <c r="F60" s="22"/>
      <c r="G60" s="21" t="s">
        <v>116</v>
      </c>
      <c r="H60" s="20"/>
      <c r="I60" s="16">
        <v>291</v>
      </c>
      <c r="J60" s="22">
        <v>68</v>
      </c>
      <c r="K60" s="22">
        <v>223</v>
      </c>
    </row>
    <row r="61" spans="1:11" ht="15" customHeight="1">
      <c r="A61" s="20" t="s">
        <v>117</v>
      </c>
      <c r="B61" s="20"/>
      <c r="C61" s="16">
        <v>2478</v>
      </c>
      <c r="D61" s="22">
        <v>1199</v>
      </c>
      <c r="E61" s="22">
        <v>1279</v>
      </c>
      <c r="F61" s="22"/>
      <c r="G61" s="21" t="s">
        <v>118</v>
      </c>
      <c r="H61" s="20"/>
      <c r="I61" s="16">
        <v>201</v>
      </c>
      <c r="J61" s="22">
        <v>46</v>
      </c>
      <c r="K61" s="22">
        <v>155</v>
      </c>
    </row>
    <row r="62" spans="1:11" ht="15" customHeight="1">
      <c r="A62" s="20" t="s">
        <v>119</v>
      </c>
      <c r="B62" s="20"/>
      <c r="C62" s="16">
        <v>2764</v>
      </c>
      <c r="D62" s="22">
        <v>1423</v>
      </c>
      <c r="E62" s="22">
        <v>1341</v>
      </c>
      <c r="F62" s="22"/>
      <c r="G62" s="21" t="s">
        <v>120</v>
      </c>
      <c r="H62" s="20"/>
      <c r="I62" s="16">
        <v>184</v>
      </c>
      <c r="J62" s="22">
        <v>35</v>
      </c>
      <c r="K62" s="22">
        <v>149</v>
      </c>
    </row>
    <row r="63" spans="1:11" ht="15" customHeight="1">
      <c r="A63" s="20" t="s">
        <v>121</v>
      </c>
      <c r="B63" s="20"/>
      <c r="C63" s="16">
        <v>2897</v>
      </c>
      <c r="D63" s="22">
        <v>1461</v>
      </c>
      <c r="E63" s="22">
        <v>1436</v>
      </c>
      <c r="F63" s="22"/>
      <c r="G63" s="21" t="s">
        <v>122</v>
      </c>
      <c r="H63" s="20"/>
      <c r="I63" s="16">
        <v>101</v>
      </c>
      <c r="J63" s="22">
        <v>18</v>
      </c>
      <c r="K63" s="22">
        <v>83</v>
      </c>
    </row>
    <row r="64" spans="1:11" ht="15" customHeight="1">
      <c r="A64" s="20" t="s">
        <v>123</v>
      </c>
      <c r="B64" s="20"/>
      <c r="C64" s="16">
        <v>2989</v>
      </c>
      <c r="D64" s="22">
        <v>1487</v>
      </c>
      <c r="E64" s="22">
        <v>1502</v>
      </c>
      <c r="F64" s="22"/>
      <c r="G64" s="21" t="s">
        <v>124</v>
      </c>
      <c r="H64" s="20"/>
      <c r="I64" s="16">
        <v>76</v>
      </c>
      <c r="J64" s="22">
        <v>12</v>
      </c>
      <c r="K64" s="22">
        <v>6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31</v>
      </c>
      <c r="J65" s="22">
        <v>19</v>
      </c>
      <c r="K65" s="22">
        <v>112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3229</v>
      </c>
      <c r="J66" s="32">
        <v>1350</v>
      </c>
      <c r="K66" s="32">
        <v>1879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9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49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40125</v>
      </c>
      <c r="D4" s="17">
        <v>19641</v>
      </c>
      <c r="E4" s="17">
        <v>20484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977</v>
      </c>
      <c r="D5" s="17">
        <v>487</v>
      </c>
      <c r="E5" s="17">
        <v>490</v>
      </c>
      <c r="F5" s="17"/>
      <c r="G5" s="21" t="s">
        <v>6</v>
      </c>
      <c r="H5" s="20"/>
      <c r="I5" s="16">
        <v>3229</v>
      </c>
      <c r="J5" s="17">
        <v>1680</v>
      </c>
      <c r="K5" s="17">
        <v>1549</v>
      </c>
    </row>
    <row r="6" spans="1:11" ht="15" customHeight="1">
      <c r="A6" s="20" t="s">
        <v>7</v>
      </c>
      <c r="B6" s="20"/>
      <c r="C6" s="16">
        <v>155</v>
      </c>
      <c r="D6" s="22">
        <v>85</v>
      </c>
      <c r="E6" s="22">
        <v>70</v>
      </c>
      <c r="F6" s="22"/>
      <c r="G6" s="21" t="s">
        <v>8</v>
      </c>
      <c r="H6" s="20"/>
      <c r="I6" s="16">
        <v>653</v>
      </c>
      <c r="J6" s="22">
        <v>349</v>
      </c>
      <c r="K6" s="22">
        <v>304</v>
      </c>
    </row>
    <row r="7" spans="1:11" ht="15" customHeight="1">
      <c r="A7" s="20" t="s">
        <v>9</v>
      </c>
      <c r="B7" s="20"/>
      <c r="C7" s="16">
        <v>181</v>
      </c>
      <c r="D7" s="22">
        <v>99</v>
      </c>
      <c r="E7" s="22">
        <v>82</v>
      </c>
      <c r="F7" s="22"/>
      <c r="G7" s="21" t="s">
        <v>10</v>
      </c>
      <c r="H7" s="20"/>
      <c r="I7" s="16">
        <v>672</v>
      </c>
      <c r="J7" s="22">
        <v>344</v>
      </c>
      <c r="K7" s="22">
        <v>328</v>
      </c>
    </row>
    <row r="8" spans="1:11" ht="15" customHeight="1">
      <c r="A8" s="20" t="s">
        <v>11</v>
      </c>
      <c r="B8" s="20"/>
      <c r="C8" s="16">
        <v>181</v>
      </c>
      <c r="D8" s="22">
        <v>87</v>
      </c>
      <c r="E8" s="22">
        <v>94</v>
      </c>
      <c r="F8" s="22"/>
      <c r="G8" s="21" t="s">
        <v>12</v>
      </c>
      <c r="H8" s="20"/>
      <c r="I8" s="16">
        <v>646</v>
      </c>
      <c r="J8" s="22">
        <v>348</v>
      </c>
      <c r="K8" s="22">
        <v>298</v>
      </c>
    </row>
    <row r="9" spans="1:11" ht="15" customHeight="1">
      <c r="A9" s="20" t="s">
        <v>13</v>
      </c>
      <c r="B9" s="20"/>
      <c r="C9" s="16">
        <v>234</v>
      </c>
      <c r="D9" s="22">
        <v>111</v>
      </c>
      <c r="E9" s="22">
        <v>123</v>
      </c>
      <c r="F9" s="22"/>
      <c r="G9" s="21" t="s">
        <v>14</v>
      </c>
      <c r="H9" s="20"/>
      <c r="I9" s="16">
        <v>642</v>
      </c>
      <c r="J9" s="22">
        <v>313</v>
      </c>
      <c r="K9" s="22">
        <v>329</v>
      </c>
    </row>
    <row r="10" spans="1:11" ht="15" customHeight="1">
      <c r="A10" s="20" t="s">
        <v>15</v>
      </c>
      <c r="B10" s="20"/>
      <c r="C10" s="16">
        <v>226</v>
      </c>
      <c r="D10" s="22">
        <v>105</v>
      </c>
      <c r="E10" s="22">
        <v>121</v>
      </c>
      <c r="F10" s="22"/>
      <c r="G10" s="21" t="s">
        <v>16</v>
      </c>
      <c r="H10" s="20"/>
      <c r="I10" s="16">
        <v>616</v>
      </c>
      <c r="J10" s="22">
        <v>326</v>
      </c>
      <c r="K10" s="22">
        <v>290</v>
      </c>
    </row>
    <row r="11" spans="1:11" ht="20.100000000000001" customHeight="1">
      <c r="A11" s="20" t="s">
        <v>17</v>
      </c>
      <c r="B11" s="20"/>
      <c r="C11" s="16">
        <v>1404</v>
      </c>
      <c r="D11" s="17">
        <v>742</v>
      </c>
      <c r="E11" s="17">
        <v>662</v>
      </c>
      <c r="F11" s="17"/>
      <c r="G11" s="21" t="s">
        <v>18</v>
      </c>
      <c r="H11" s="20"/>
      <c r="I11" s="16">
        <v>2893</v>
      </c>
      <c r="J11" s="17">
        <v>1457</v>
      </c>
      <c r="K11" s="17">
        <v>1436</v>
      </c>
    </row>
    <row r="12" spans="1:11" ht="15" customHeight="1">
      <c r="A12" s="20" t="s">
        <v>19</v>
      </c>
      <c r="B12" s="20"/>
      <c r="C12" s="16">
        <v>243</v>
      </c>
      <c r="D12" s="22">
        <v>127</v>
      </c>
      <c r="E12" s="22">
        <v>116</v>
      </c>
      <c r="F12" s="22"/>
      <c r="G12" s="21" t="s">
        <v>20</v>
      </c>
      <c r="H12" s="20"/>
      <c r="I12" s="16">
        <v>636</v>
      </c>
      <c r="J12" s="22">
        <v>320</v>
      </c>
      <c r="K12" s="22">
        <v>316</v>
      </c>
    </row>
    <row r="13" spans="1:11" ht="15" customHeight="1">
      <c r="A13" s="20" t="s">
        <v>21</v>
      </c>
      <c r="B13" s="20"/>
      <c r="C13" s="16">
        <v>254</v>
      </c>
      <c r="D13" s="22">
        <v>148</v>
      </c>
      <c r="E13" s="22">
        <v>106</v>
      </c>
      <c r="F13" s="22"/>
      <c r="G13" s="21" t="s">
        <v>22</v>
      </c>
      <c r="H13" s="20"/>
      <c r="I13" s="16">
        <v>464</v>
      </c>
      <c r="J13" s="22">
        <v>234</v>
      </c>
      <c r="K13" s="22">
        <v>230</v>
      </c>
    </row>
    <row r="14" spans="1:11" ht="15" customHeight="1">
      <c r="A14" s="20" t="s">
        <v>23</v>
      </c>
      <c r="B14" s="20"/>
      <c r="C14" s="16">
        <v>292</v>
      </c>
      <c r="D14" s="22">
        <v>156</v>
      </c>
      <c r="E14" s="22">
        <v>136</v>
      </c>
      <c r="F14" s="22"/>
      <c r="G14" s="21" t="s">
        <v>24</v>
      </c>
      <c r="H14" s="20"/>
      <c r="I14" s="16">
        <v>670</v>
      </c>
      <c r="J14" s="22">
        <v>328</v>
      </c>
      <c r="K14" s="22">
        <v>342</v>
      </c>
    </row>
    <row r="15" spans="1:11" ht="15" customHeight="1">
      <c r="A15" s="20" t="s">
        <v>25</v>
      </c>
      <c r="B15" s="20"/>
      <c r="C15" s="16">
        <v>286</v>
      </c>
      <c r="D15" s="22">
        <v>146</v>
      </c>
      <c r="E15" s="22">
        <v>140</v>
      </c>
      <c r="F15" s="22"/>
      <c r="G15" s="21" t="s">
        <v>26</v>
      </c>
      <c r="H15" s="20"/>
      <c r="I15" s="16">
        <v>562</v>
      </c>
      <c r="J15" s="22">
        <v>302</v>
      </c>
      <c r="K15" s="22">
        <v>260</v>
      </c>
    </row>
    <row r="16" spans="1:11" ht="15" customHeight="1">
      <c r="A16" s="20" t="s">
        <v>27</v>
      </c>
      <c r="B16" s="20"/>
      <c r="C16" s="16">
        <v>329</v>
      </c>
      <c r="D16" s="22">
        <v>165</v>
      </c>
      <c r="E16" s="22">
        <v>164</v>
      </c>
      <c r="F16" s="22"/>
      <c r="G16" s="21" t="s">
        <v>28</v>
      </c>
      <c r="H16" s="20"/>
      <c r="I16" s="16">
        <v>561</v>
      </c>
      <c r="J16" s="22">
        <v>273</v>
      </c>
      <c r="K16" s="22">
        <v>288</v>
      </c>
    </row>
    <row r="17" spans="1:11" ht="20.100000000000001" customHeight="1">
      <c r="A17" s="24" t="s">
        <v>29</v>
      </c>
      <c r="B17" s="24"/>
      <c r="C17" s="16">
        <v>1724</v>
      </c>
      <c r="D17" s="17">
        <v>881</v>
      </c>
      <c r="E17" s="17">
        <v>843</v>
      </c>
      <c r="F17" s="17"/>
      <c r="G17" s="21" t="s">
        <v>30</v>
      </c>
      <c r="H17" s="20"/>
      <c r="I17" s="16">
        <v>2431</v>
      </c>
      <c r="J17" s="17">
        <v>1221</v>
      </c>
      <c r="K17" s="17">
        <v>1210</v>
      </c>
    </row>
    <row r="18" spans="1:11" ht="15" customHeight="1">
      <c r="A18" s="20" t="s">
        <v>31</v>
      </c>
      <c r="B18" s="20"/>
      <c r="C18" s="16">
        <v>344</v>
      </c>
      <c r="D18" s="22">
        <v>176</v>
      </c>
      <c r="E18" s="22">
        <v>168</v>
      </c>
      <c r="F18" s="22"/>
      <c r="G18" s="21" t="s">
        <v>32</v>
      </c>
      <c r="H18" s="20"/>
      <c r="I18" s="16">
        <v>466</v>
      </c>
      <c r="J18" s="22">
        <v>229</v>
      </c>
      <c r="K18" s="22">
        <v>237</v>
      </c>
    </row>
    <row r="19" spans="1:11" ht="15" customHeight="1">
      <c r="A19" s="20" t="s">
        <v>33</v>
      </c>
      <c r="B19" s="20"/>
      <c r="C19" s="16">
        <v>341</v>
      </c>
      <c r="D19" s="22">
        <v>168</v>
      </c>
      <c r="E19" s="22">
        <v>173</v>
      </c>
      <c r="F19" s="22"/>
      <c r="G19" s="21" t="s">
        <v>34</v>
      </c>
      <c r="H19" s="20"/>
      <c r="I19" s="16">
        <v>472</v>
      </c>
      <c r="J19" s="22">
        <v>235</v>
      </c>
      <c r="K19" s="22">
        <v>237</v>
      </c>
    </row>
    <row r="20" spans="1:11" ht="15" customHeight="1">
      <c r="A20" s="20" t="s">
        <v>35</v>
      </c>
      <c r="B20" s="20"/>
      <c r="C20" s="16">
        <v>340</v>
      </c>
      <c r="D20" s="22">
        <v>171</v>
      </c>
      <c r="E20" s="22">
        <v>169</v>
      </c>
      <c r="F20" s="22"/>
      <c r="G20" s="21" t="s">
        <v>36</v>
      </c>
      <c r="H20" s="20"/>
      <c r="I20" s="16">
        <v>507</v>
      </c>
      <c r="J20" s="22">
        <v>252</v>
      </c>
      <c r="K20" s="22">
        <v>255</v>
      </c>
    </row>
    <row r="21" spans="1:11" ht="15" customHeight="1">
      <c r="A21" s="20" t="s">
        <v>37</v>
      </c>
      <c r="B21" s="20"/>
      <c r="C21" s="16">
        <v>323</v>
      </c>
      <c r="D21" s="22">
        <v>175</v>
      </c>
      <c r="E21" s="22">
        <v>148</v>
      </c>
      <c r="F21" s="22"/>
      <c r="G21" s="21" t="s">
        <v>38</v>
      </c>
      <c r="H21" s="20"/>
      <c r="I21" s="16">
        <v>475</v>
      </c>
      <c r="J21" s="22">
        <v>243</v>
      </c>
      <c r="K21" s="22">
        <v>232</v>
      </c>
    </row>
    <row r="22" spans="1:11" ht="15" customHeight="1">
      <c r="A22" s="20" t="s">
        <v>39</v>
      </c>
      <c r="B22" s="20"/>
      <c r="C22" s="16">
        <v>376</v>
      </c>
      <c r="D22" s="22">
        <v>191</v>
      </c>
      <c r="E22" s="22">
        <v>185</v>
      </c>
      <c r="F22" s="22"/>
      <c r="G22" s="21" t="s">
        <v>40</v>
      </c>
      <c r="H22" s="20"/>
      <c r="I22" s="16">
        <v>511</v>
      </c>
      <c r="J22" s="22">
        <v>262</v>
      </c>
      <c r="K22" s="22">
        <v>249</v>
      </c>
    </row>
    <row r="23" spans="1:11" ht="20.100000000000001" customHeight="1">
      <c r="A23" s="20" t="s">
        <v>41</v>
      </c>
      <c r="B23" s="20"/>
      <c r="C23" s="16">
        <v>1848</v>
      </c>
      <c r="D23" s="17">
        <v>956</v>
      </c>
      <c r="E23" s="17">
        <v>892</v>
      </c>
      <c r="F23" s="17"/>
      <c r="G23" s="21" t="s">
        <v>42</v>
      </c>
      <c r="H23" s="20"/>
      <c r="I23" s="16">
        <v>2492</v>
      </c>
      <c r="J23" s="17">
        <v>1211</v>
      </c>
      <c r="K23" s="17">
        <v>1281</v>
      </c>
    </row>
    <row r="24" spans="1:11" ht="15" customHeight="1">
      <c r="A24" s="20" t="s">
        <v>43</v>
      </c>
      <c r="B24" s="20"/>
      <c r="C24" s="16">
        <v>374</v>
      </c>
      <c r="D24" s="22">
        <v>177</v>
      </c>
      <c r="E24" s="22">
        <v>197</v>
      </c>
      <c r="F24" s="22"/>
      <c r="G24" s="21" t="s">
        <v>44</v>
      </c>
      <c r="H24" s="20"/>
      <c r="I24" s="16">
        <v>445</v>
      </c>
      <c r="J24" s="22">
        <v>220</v>
      </c>
      <c r="K24" s="22">
        <v>225</v>
      </c>
    </row>
    <row r="25" spans="1:11" ht="15" customHeight="1">
      <c r="A25" s="20" t="s">
        <v>45</v>
      </c>
      <c r="B25" s="20"/>
      <c r="C25" s="16">
        <v>361</v>
      </c>
      <c r="D25" s="22">
        <v>186</v>
      </c>
      <c r="E25" s="22">
        <v>175</v>
      </c>
      <c r="F25" s="22"/>
      <c r="G25" s="21" t="s">
        <v>46</v>
      </c>
      <c r="H25" s="20"/>
      <c r="I25" s="16">
        <v>491</v>
      </c>
      <c r="J25" s="22">
        <v>249</v>
      </c>
      <c r="K25" s="22">
        <v>242</v>
      </c>
    </row>
    <row r="26" spans="1:11" ht="15" customHeight="1">
      <c r="A26" s="20" t="s">
        <v>47</v>
      </c>
      <c r="B26" s="20"/>
      <c r="C26" s="16">
        <v>363</v>
      </c>
      <c r="D26" s="22">
        <v>191</v>
      </c>
      <c r="E26" s="22">
        <v>172</v>
      </c>
      <c r="F26" s="22"/>
      <c r="G26" s="21" t="s">
        <v>48</v>
      </c>
      <c r="H26" s="20"/>
      <c r="I26" s="16">
        <v>517</v>
      </c>
      <c r="J26" s="22">
        <v>248</v>
      </c>
      <c r="K26" s="22">
        <v>269</v>
      </c>
    </row>
    <row r="27" spans="1:11" ht="15" customHeight="1">
      <c r="A27" s="20" t="s">
        <v>49</v>
      </c>
      <c r="B27" s="20"/>
      <c r="C27" s="16">
        <v>379</v>
      </c>
      <c r="D27" s="22">
        <v>202</v>
      </c>
      <c r="E27" s="22">
        <v>177</v>
      </c>
      <c r="F27" s="22"/>
      <c r="G27" s="21" t="s">
        <v>50</v>
      </c>
      <c r="H27" s="20"/>
      <c r="I27" s="16">
        <v>502</v>
      </c>
      <c r="J27" s="22">
        <v>242</v>
      </c>
      <c r="K27" s="22">
        <v>260</v>
      </c>
    </row>
    <row r="28" spans="1:11" ht="15" customHeight="1">
      <c r="A28" s="20" t="s">
        <v>51</v>
      </c>
      <c r="B28" s="20"/>
      <c r="C28" s="16">
        <v>371</v>
      </c>
      <c r="D28" s="22">
        <v>200</v>
      </c>
      <c r="E28" s="22">
        <v>171</v>
      </c>
      <c r="F28" s="22"/>
      <c r="G28" s="21" t="s">
        <v>52</v>
      </c>
      <c r="H28" s="20"/>
      <c r="I28" s="16">
        <v>537</v>
      </c>
      <c r="J28" s="22">
        <v>252</v>
      </c>
      <c r="K28" s="22">
        <v>285</v>
      </c>
    </row>
    <row r="29" spans="1:11" ht="20.100000000000001" customHeight="1">
      <c r="A29" s="20" t="s">
        <v>53</v>
      </c>
      <c r="B29" s="20"/>
      <c r="C29" s="16">
        <v>1733</v>
      </c>
      <c r="D29" s="17">
        <v>906</v>
      </c>
      <c r="E29" s="17">
        <v>827</v>
      </c>
      <c r="F29" s="17"/>
      <c r="G29" s="21" t="s">
        <v>54</v>
      </c>
      <c r="H29" s="20"/>
      <c r="I29" s="16">
        <v>3417</v>
      </c>
      <c r="J29" s="17">
        <v>1610</v>
      </c>
      <c r="K29" s="17">
        <v>1807</v>
      </c>
    </row>
    <row r="30" spans="1:11" ht="15" customHeight="1">
      <c r="A30" s="20" t="s">
        <v>55</v>
      </c>
      <c r="B30" s="20"/>
      <c r="C30" s="16">
        <v>375</v>
      </c>
      <c r="D30" s="22">
        <v>196</v>
      </c>
      <c r="E30" s="22">
        <v>179</v>
      </c>
      <c r="F30" s="22"/>
      <c r="G30" s="21" t="s">
        <v>56</v>
      </c>
      <c r="H30" s="20"/>
      <c r="I30" s="16">
        <v>636</v>
      </c>
      <c r="J30" s="22">
        <v>316</v>
      </c>
      <c r="K30" s="22">
        <v>320</v>
      </c>
    </row>
    <row r="31" spans="1:11" ht="15" customHeight="1">
      <c r="A31" s="20" t="s">
        <v>57</v>
      </c>
      <c r="B31" s="20"/>
      <c r="C31" s="16">
        <v>378</v>
      </c>
      <c r="D31" s="22">
        <v>203</v>
      </c>
      <c r="E31" s="22">
        <v>175</v>
      </c>
      <c r="F31" s="22"/>
      <c r="G31" s="21" t="s">
        <v>58</v>
      </c>
      <c r="H31" s="20"/>
      <c r="I31" s="16">
        <v>674</v>
      </c>
      <c r="J31" s="22">
        <v>312</v>
      </c>
      <c r="K31" s="22">
        <v>362</v>
      </c>
    </row>
    <row r="32" spans="1:11" ht="15" customHeight="1">
      <c r="A32" s="20" t="s">
        <v>59</v>
      </c>
      <c r="B32" s="20"/>
      <c r="C32" s="16">
        <v>369</v>
      </c>
      <c r="D32" s="22">
        <v>192</v>
      </c>
      <c r="E32" s="22">
        <v>177</v>
      </c>
      <c r="F32" s="22"/>
      <c r="G32" s="21" t="s">
        <v>60</v>
      </c>
      <c r="H32" s="20"/>
      <c r="I32" s="16">
        <v>646</v>
      </c>
      <c r="J32" s="22">
        <v>299</v>
      </c>
      <c r="K32" s="22">
        <v>347</v>
      </c>
    </row>
    <row r="33" spans="1:11" ht="15" customHeight="1">
      <c r="A33" s="20" t="s">
        <v>61</v>
      </c>
      <c r="B33" s="20"/>
      <c r="C33" s="16">
        <v>296</v>
      </c>
      <c r="D33" s="22">
        <v>154</v>
      </c>
      <c r="E33" s="22">
        <v>142</v>
      </c>
      <c r="F33" s="22"/>
      <c r="G33" s="21" t="s">
        <v>62</v>
      </c>
      <c r="H33" s="20"/>
      <c r="I33" s="16">
        <v>730</v>
      </c>
      <c r="J33" s="22">
        <v>341</v>
      </c>
      <c r="K33" s="22">
        <v>389</v>
      </c>
    </row>
    <row r="34" spans="1:11" ht="15" customHeight="1">
      <c r="A34" s="20" t="s">
        <v>63</v>
      </c>
      <c r="B34" s="20"/>
      <c r="C34" s="16">
        <v>315</v>
      </c>
      <c r="D34" s="22">
        <v>161</v>
      </c>
      <c r="E34" s="22">
        <v>154</v>
      </c>
      <c r="F34" s="22"/>
      <c r="G34" s="21" t="s">
        <v>64</v>
      </c>
      <c r="H34" s="20"/>
      <c r="I34" s="16">
        <v>731</v>
      </c>
      <c r="J34" s="22">
        <v>342</v>
      </c>
      <c r="K34" s="22">
        <v>389</v>
      </c>
    </row>
    <row r="35" spans="1:11" ht="20.100000000000001" customHeight="1">
      <c r="A35" s="20" t="s">
        <v>65</v>
      </c>
      <c r="B35" s="20"/>
      <c r="C35" s="16">
        <v>1477</v>
      </c>
      <c r="D35" s="17">
        <v>771</v>
      </c>
      <c r="E35" s="17">
        <v>706</v>
      </c>
      <c r="F35" s="17"/>
      <c r="G35" s="21" t="s">
        <v>66</v>
      </c>
      <c r="H35" s="20"/>
      <c r="I35" s="16">
        <v>2929</v>
      </c>
      <c r="J35" s="17">
        <v>1303</v>
      </c>
      <c r="K35" s="17">
        <v>1626</v>
      </c>
    </row>
    <row r="36" spans="1:11" ht="15" customHeight="1">
      <c r="A36" s="20" t="s">
        <v>67</v>
      </c>
      <c r="B36" s="20"/>
      <c r="C36" s="16">
        <v>307</v>
      </c>
      <c r="D36" s="22">
        <v>164</v>
      </c>
      <c r="E36" s="22">
        <v>143</v>
      </c>
      <c r="F36" s="22"/>
      <c r="G36" s="21" t="s">
        <v>68</v>
      </c>
      <c r="H36" s="20"/>
      <c r="I36" s="16">
        <v>733</v>
      </c>
      <c r="J36" s="22">
        <v>324</v>
      </c>
      <c r="K36" s="22">
        <v>409</v>
      </c>
    </row>
    <row r="37" spans="1:11" ht="15" customHeight="1">
      <c r="A37" s="20" t="s">
        <v>69</v>
      </c>
      <c r="B37" s="20"/>
      <c r="C37" s="16">
        <v>317</v>
      </c>
      <c r="D37" s="22">
        <v>158</v>
      </c>
      <c r="E37" s="22">
        <v>159</v>
      </c>
      <c r="F37" s="22"/>
      <c r="G37" s="21" t="s">
        <v>70</v>
      </c>
      <c r="H37" s="20"/>
      <c r="I37" s="16">
        <v>549</v>
      </c>
      <c r="J37" s="22">
        <v>253</v>
      </c>
      <c r="K37" s="22">
        <v>296</v>
      </c>
    </row>
    <row r="38" spans="1:11" ht="15" customHeight="1">
      <c r="A38" s="20" t="s">
        <v>71</v>
      </c>
      <c r="B38" s="20"/>
      <c r="C38" s="16">
        <v>285</v>
      </c>
      <c r="D38" s="22">
        <v>146</v>
      </c>
      <c r="E38" s="22">
        <v>139</v>
      </c>
      <c r="F38" s="22"/>
      <c r="G38" s="21" t="s">
        <v>72</v>
      </c>
      <c r="H38" s="20"/>
      <c r="I38" s="16">
        <v>494</v>
      </c>
      <c r="J38" s="22">
        <v>220</v>
      </c>
      <c r="K38" s="22">
        <v>274</v>
      </c>
    </row>
    <row r="39" spans="1:11" ht="15" customHeight="1">
      <c r="A39" s="20" t="s">
        <v>73</v>
      </c>
      <c r="B39" s="20"/>
      <c r="C39" s="16">
        <v>291</v>
      </c>
      <c r="D39" s="22">
        <v>151</v>
      </c>
      <c r="E39" s="22">
        <v>140</v>
      </c>
      <c r="F39" s="22"/>
      <c r="G39" s="21" t="s">
        <v>74</v>
      </c>
      <c r="H39" s="20"/>
      <c r="I39" s="16">
        <v>556</v>
      </c>
      <c r="J39" s="22">
        <v>248</v>
      </c>
      <c r="K39" s="22">
        <v>308</v>
      </c>
    </row>
    <row r="40" spans="1:11" ht="15" customHeight="1">
      <c r="A40" s="20" t="s">
        <v>75</v>
      </c>
      <c r="B40" s="20"/>
      <c r="C40" s="16">
        <v>277</v>
      </c>
      <c r="D40" s="22">
        <v>152</v>
      </c>
      <c r="E40" s="22">
        <v>125</v>
      </c>
      <c r="F40" s="22"/>
      <c r="G40" s="21" t="s">
        <v>76</v>
      </c>
      <c r="H40" s="20"/>
      <c r="I40" s="16">
        <v>597</v>
      </c>
      <c r="J40" s="22">
        <v>258</v>
      </c>
      <c r="K40" s="22">
        <v>339</v>
      </c>
    </row>
    <row r="41" spans="1:11" ht="20.100000000000001" customHeight="1">
      <c r="A41" s="20" t="s">
        <v>77</v>
      </c>
      <c r="B41" s="20"/>
      <c r="C41" s="16">
        <v>1442</v>
      </c>
      <c r="D41" s="17">
        <v>757</v>
      </c>
      <c r="E41" s="17">
        <v>685</v>
      </c>
      <c r="F41" s="17"/>
      <c r="G41" s="21" t="s">
        <v>78</v>
      </c>
      <c r="H41" s="20"/>
      <c r="I41" s="16">
        <v>2401</v>
      </c>
      <c r="J41" s="17">
        <v>1060</v>
      </c>
      <c r="K41" s="17">
        <v>1341</v>
      </c>
    </row>
    <row r="42" spans="1:11" ht="15" customHeight="1">
      <c r="A42" s="20" t="s">
        <v>79</v>
      </c>
      <c r="B42" s="20"/>
      <c r="C42" s="16">
        <v>256</v>
      </c>
      <c r="D42" s="22">
        <v>145</v>
      </c>
      <c r="E42" s="22">
        <v>111</v>
      </c>
      <c r="F42" s="22"/>
      <c r="G42" s="21" t="s">
        <v>80</v>
      </c>
      <c r="H42" s="20"/>
      <c r="I42" s="16">
        <v>571</v>
      </c>
      <c r="J42" s="22">
        <v>269</v>
      </c>
      <c r="K42" s="22">
        <v>302</v>
      </c>
    </row>
    <row r="43" spans="1:11" ht="15" customHeight="1">
      <c r="A43" s="20" t="s">
        <v>81</v>
      </c>
      <c r="B43" s="20"/>
      <c r="C43" s="16">
        <v>288</v>
      </c>
      <c r="D43" s="22">
        <v>148</v>
      </c>
      <c r="E43" s="22">
        <v>140</v>
      </c>
      <c r="F43" s="22"/>
      <c r="G43" s="21" t="s">
        <v>82</v>
      </c>
      <c r="H43" s="20"/>
      <c r="I43" s="16">
        <v>545</v>
      </c>
      <c r="J43" s="22">
        <v>239</v>
      </c>
      <c r="K43" s="22">
        <v>306</v>
      </c>
    </row>
    <row r="44" spans="1:11" ht="15" customHeight="1">
      <c r="A44" s="20" t="s">
        <v>83</v>
      </c>
      <c r="B44" s="20"/>
      <c r="C44" s="16">
        <v>266</v>
      </c>
      <c r="D44" s="22">
        <v>136</v>
      </c>
      <c r="E44" s="22">
        <v>130</v>
      </c>
      <c r="F44" s="22"/>
      <c r="G44" s="21" t="s">
        <v>84</v>
      </c>
      <c r="H44" s="20"/>
      <c r="I44" s="16">
        <v>494</v>
      </c>
      <c r="J44" s="22">
        <v>194</v>
      </c>
      <c r="K44" s="22">
        <v>300</v>
      </c>
    </row>
    <row r="45" spans="1:11" ht="15" customHeight="1">
      <c r="A45" s="20" t="s">
        <v>85</v>
      </c>
      <c r="B45" s="20"/>
      <c r="C45" s="16">
        <v>286</v>
      </c>
      <c r="D45" s="22">
        <v>144</v>
      </c>
      <c r="E45" s="22">
        <v>142</v>
      </c>
      <c r="F45" s="22"/>
      <c r="G45" s="21" t="s">
        <v>86</v>
      </c>
      <c r="H45" s="20"/>
      <c r="I45" s="16">
        <v>434</v>
      </c>
      <c r="J45" s="22">
        <v>205</v>
      </c>
      <c r="K45" s="22">
        <v>229</v>
      </c>
    </row>
    <row r="46" spans="1:11" ht="15" customHeight="1">
      <c r="A46" s="20" t="s">
        <v>87</v>
      </c>
      <c r="B46" s="20"/>
      <c r="C46" s="16">
        <v>346</v>
      </c>
      <c r="D46" s="22">
        <v>184</v>
      </c>
      <c r="E46" s="22">
        <v>162</v>
      </c>
      <c r="F46" s="22"/>
      <c r="G46" s="21" t="s">
        <v>88</v>
      </c>
      <c r="H46" s="20"/>
      <c r="I46" s="16">
        <v>357</v>
      </c>
      <c r="J46" s="22">
        <v>153</v>
      </c>
      <c r="K46" s="22">
        <v>204</v>
      </c>
    </row>
    <row r="47" spans="1:11" ht="20.100000000000001" customHeight="1">
      <c r="A47" s="20" t="s">
        <v>89</v>
      </c>
      <c r="B47" s="20"/>
      <c r="C47" s="16">
        <v>1782</v>
      </c>
      <c r="D47" s="17">
        <v>890</v>
      </c>
      <c r="E47" s="17">
        <v>892</v>
      </c>
      <c r="F47" s="17"/>
      <c r="G47" s="21" t="s">
        <v>90</v>
      </c>
      <c r="H47" s="20"/>
      <c r="I47" s="16">
        <v>1478</v>
      </c>
      <c r="J47" s="17">
        <v>576</v>
      </c>
      <c r="K47" s="17">
        <v>902</v>
      </c>
    </row>
    <row r="48" spans="1:11" ht="15" customHeight="1">
      <c r="A48" s="20" t="s">
        <v>91</v>
      </c>
      <c r="B48" s="20"/>
      <c r="C48" s="16">
        <v>277</v>
      </c>
      <c r="D48" s="22">
        <v>138</v>
      </c>
      <c r="E48" s="22">
        <v>139</v>
      </c>
      <c r="F48" s="22"/>
      <c r="G48" s="21" t="s">
        <v>92</v>
      </c>
      <c r="H48" s="20"/>
      <c r="I48" s="16">
        <v>338</v>
      </c>
      <c r="J48" s="22">
        <v>144</v>
      </c>
      <c r="K48" s="22">
        <v>194</v>
      </c>
    </row>
    <row r="49" spans="1:11" ht="15" customHeight="1">
      <c r="A49" s="20" t="s">
        <v>93</v>
      </c>
      <c r="B49" s="20"/>
      <c r="C49" s="16">
        <v>347</v>
      </c>
      <c r="D49" s="22">
        <v>182</v>
      </c>
      <c r="E49" s="22">
        <v>165</v>
      </c>
      <c r="F49" s="22"/>
      <c r="G49" s="21" t="s">
        <v>94</v>
      </c>
      <c r="H49" s="20"/>
      <c r="I49" s="16">
        <v>358</v>
      </c>
      <c r="J49" s="22">
        <v>136</v>
      </c>
      <c r="K49" s="22">
        <v>222</v>
      </c>
    </row>
    <row r="50" spans="1:11" ht="15" customHeight="1">
      <c r="A50" s="20" t="s">
        <v>95</v>
      </c>
      <c r="B50" s="20"/>
      <c r="C50" s="16">
        <v>341</v>
      </c>
      <c r="D50" s="22">
        <v>176</v>
      </c>
      <c r="E50" s="22">
        <v>165</v>
      </c>
      <c r="F50" s="22"/>
      <c r="G50" s="21" t="s">
        <v>96</v>
      </c>
      <c r="H50" s="20"/>
      <c r="I50" s="16">
        <v>309</v>
      </c>
      <c r="J50" s="22">
        <v>119</v>
      </c>
      <c r="K50" s="22">
        <v>190</v>
      </c>
    </row>
    <row r="51" spans="1:11" ht="15" customHeight="1">
      <c r="A51" s="20" t="s">
        <v>97</v>
      </c>
      <c r="B51" s="20"/>
      <c r="C51" s="16">
        <v>387</v>
      </c>
      <c r="D51" s="22">
        <v>179</v>
      </c>
      <c r="E51" s="22">
        <v>208</v>
      </c>
      <c r="F51" s="22"/>
      <c r="G51" s="21" t="s">
        <v>98</v>
      </c>
      <c r="H51" s="20"/>
      <c r="I51" s="16">
        <v>270</v>
      </c>
      <c r="J51" s="22">
        <v>98</v>
      </c>
      <c r="K51" s="22">
        <v>172</v>
      </c>
    </row>
    <row r="52" spans="1:11" ht="15" customHeight="1">
      <c r="A52" s="20" t="s">
        <v>99</v>
      </c>
      <c r="B52" s="20"/>
      <c r="C52" s="16">
        <v>430</v>
      </c>
      <c r="D52" s="22">
        <v>215</v>
      </c>
      <c r="E52" s="22">
        <v>215</v>
      </c>
      <c r="F52" s="22"/>
      <c r="G52" s="21" t="s">
        <v>100</v>
      </c>
      <c r="H52" s="20"/>
      <c r="I52" s="16">
        <v>203</v>
      </c>
      <c r="J52" s="22">
        <v>79</v>
      </c>
      <c r="K52" s="22">
        <v>124</v>
      </c>
    </row>
    <row r="53" spans="1:11" ht="20.100000000000001" customHeight="1">
      <c r="A53" s="20" t="s">
        <v>101</v>
      </c>
      <c r="B53" s="20"/>
      <c r="C53" s="16">
        <v>2323</v>
      </c>
      <c r="D53" s="17">
        <v>1191</v>
      </c>
      <c r="E53" s="17">
        <v>1132</v>
      </c>
      <c r="F53" s="17"/>
      <c r="G53" s="21" t="s">
        <v>102</v>
      </c>
      <c r="H53" s="20"/>
      <c r="I53" s="16">
        <v>601</v>
      </c>
      <c r="J53" s="17">
        <v>178</v>
      </c>
      <c r="K53" s="17">
        <v>423</v>
      </c>
    </row>
    <row r="54" spans="1:11" ht="15" customHeight="1">
      <c r="A54" s="20" t="s">
        <v>103</v>
      </c>
      <c r="B54" s="20"/>
      <c r="C54" s="16">
        <v>440</v>
      </c>
      <c r="D54" s="22">
        <v>239</v>
      </c>
      <c r="E54" s="22">
        <v>201</v>
      </c>
      <c r="F54" s="22"/>
      <c r="G54" s="21" t="s">
        <v>104</v>
      </c>
      <c r="H54" s="20"/>
      <c r="I54" s="16">
        <v>181</v>
      </c>
      <c r="J54" s="22">
        <v>60</v>
      </c>
      <c r="K54" s="22">
        <v>121</v>
      </c>
    </row>
    <row r="55" spans="1:11" ht="15" customHeight="1">
      <c r="A55" s="20" t="s">
        <v>105</v>
      </c>
      <c r="B55" s="20"/>
      <c r="C55" s="16">
        <v>465</v>
      </c>
      <c r="D55" s="22">
        <v>220</v>
      </c>
      <c r="E55" s="22">
        <v>245</v>
      </c>
      <c r="F55" s="22"/>
      <c r="G55" s="21" t="s">
        <v>106</v>
      </c>
      <c r="H55" s="20"/>
      <c r="I55" s="16">
        <v>140</v>
      </c>
      <c r="J55" s="22">
        <v>43</v>
      </c>
      <c r="K55" s="22">
        <v>97</v>
      </c>
    </row>
    <row r="56" spans="1:11" ht="15" customHeight="1">
      <c r="A56" s="20" t="s">
        <v>107</v>
      </c>
      <c r="B56" s="20"/>
      <c r="C56" s="16">
        <v>460</v>
      </c>
      <c r="D56" s="22">
        <v>230</v>
      </c>
      <c r="E56" s="22">
        <v>230</v>
      </c>
      <c r="F56" s="22"/>
      <c r="G56" s="21" t="s">
        <v>108</v>
      </c>
      <c r="H56" s="20"/>
      <c r="I56" s="16">
        <v>104</v>
      </c>
      <c r="J56" s="22">
        <v>24</v>
      </c>
      <c r="K56" s="22">
        <v>80</v>
      </c>
    </row>
    <row r="57" spans="1:11" ht="15" customHeight="1">
      <c r="A57" s="20" t="s">
        <v>109</v>
      </c>
      <c r="B57" s="20"/>
      <c r="C57" s="16">
        <v>481</v>
      </c>
      <c r="D57" s="22">
        <v>259</v>
      </c>
      <c r="E57" s="22">
        <v>222</v>
      </c>
      <c r="F57" s="22"/>
      <c r="G57" s="21" t="s">
        <v>110</v>
      </c>
      <c r="H57" s="20"/>
      <c r="I57" s="16">
        <v>102</v>
      </c>
      <c r="J57" s="22">
        <v>34</v>
      </c>
      <c r="K57" s="22">
        <v>68</v>
      </c>
    </row>
    <row r="58" spans="1:11" ht="15" customHeight="1">
      <c r="A58" s="20" t="s">
        <v>111</v>
      </c>
      <c r="B58" s="20"/>
      <c r="C58" s="16">
        <v>477</v>
      </c>
      <c r="D58" s="22">
        <v>243</v>
      </c>
      <c r="E58" s="22">
        <v>234</v>
      </c>
      <c r="F58" s="22"/>
      <c r="G58" s="21" t="s">
        <v>112</v>
      </c>
      <c r="H58" s="20"/>
      <c r="I58" s="16">
        <v>74</v>
      </c>
      <c r="J58" s="22">
        <v>17</v>
      </c>
      <c r="K58" s="22">
        <v>57</v>
      </c>
    </row>
    <row r="59" spans="1:11" ht="20.100000000000001" customHeight="1">
      <c r="A59" s="20" t="s">
        <v>113</v>
      </c>
      <c r="B59" s="20"/>
      <c r="C59" s="16">
        <v>2991</v>
      </c>
      <c r="D59" s="17">
        <v>1524</v>
      </c>
      <c r="E59" s="17">
        <v>1467</v>
      </c>
      <c r="F59" s="17"/>
      <c r="G59" s="21" t="s">
        <v>114</v>
      </c>
      <c r="H59" s="20"/>
      <c r="I59" s="16">
        <v>138</v>
      </c>
      <c r="J59" s="17">
        <v>34</v>
      </c>
      <c r="K59" s="17">
        <v>104</v>
      </c>
    </row>
    <row r="60" spans="1:11" ht="15" customHeight="1">
      <c r="A60" s="20" t="s">
        <v>115</v>
      </c>
      <c r="B60" s="20"/>
      <c r="C60" s="16">
        <v>532</v>
      </c>
      <c r="D60" s="22">
        <v>258</v>
      </c>
      <c r="E60" s="22">
        <v>274</v>
      </c>
      <c r="F60" s="22"/>
      <c r="G60" s="21" t="s">
        <v>116</v>
      </c>
      <c r="H60" s="20"/>
      <c r="I60" s="16">
        <v>55</v>
      </c>
      <c r="J60" s="22">
        <v>18</v>
      </c>
      <c r="K60" s="22">
        <v>37</v>
      </c>
    </row>
    <row r="61" spans="1:11" ht="15" customHeight="1">
      <c r="A61" s="20" t="s">
        <v>117</v>
      </c>
      <c r="B61" s="20"/>
      <c r="C61" s="16">
        <v>536</v>
      </c>
      <c r="D61" s="22">
        <v>271</v>
      </c>
      <c r="E61" s="22">
        <v>265</v>
      </c>
      <c r="F61" s="22"/>
      <c r="G61" s="21" t="s">
        <v>118</v>
      </c>
      <c r="H61" s="20"/>
      <c r="I61" s="16">
        <v>39</v>
      </c>
      <c r="J61" s="22">
        <v>8</v>
      </c>
      <c r="K61" s="22">
        <v>31</v>
      </c>
    </row>
    <row r="62" spans="1:11" ht="15" customHeight="1">
      <c r="A62" s="20" t="s">
        <v>119</v>
      </c>
      <c r="B62" s="20"/>
      <c r="C62" s="16">
        <v>569</v>
      </c>
      <c r="D62" s="22">
        <v>279</v>
      </c>
      <c r="E62" s="22">
        <v>290</v>
      </c>
      <c r="F62" s="22"/>
      <c r="G62" s="21" t="s">
        <v>120</v>
      </c>
      <c r="H62" s="20"/>
      <c r="I62" s="16">
        <v>22</v>
      </c>
      <c r="J62" s="22">
        <v>6</v>
      </c>
      <c r="K62" s="22">
        <v>16</v>
      </c>
    </row>
    <row r="63" spans="1:11" ht="15" customHeight="1">
      <c r="A63" s="20" t="s">
        <v>121</v>
      </c>
      <c r="B63" s="20"/>
      <c r="C63" s="16">
        <v>632</v>
      </c>
      <c r="D63" s="22">
        <v>346</v>
      </c>
      <c r="E63" s="22">
        <v>286</v>
      </c>
      <c r="F63" s="22"/>
      <c r="G63" s="21" t="s">
        <v>122</v>
      </c>
      <c r="H63" s="20"/>
      <c r="I63" s="16">
        <v>5</v>
      </c>
      <c r="J63" s="22">
        <v>0</v>
      </c>
      <c r="K63" s="22">
        <v>5</v>
      </c>
    </row>
    <row r="64" spans="1:11" ht="15" customHeight="1">
      <c r="A64" s="20" t="s">
        <v>123</v>
      </c>
      <c r="B64" s="20"/>
      <c r="C64" s="16">
        <v>722</v>
      </c>
      <c r="D64" s="22">
        <v>370</v>
      </c>
      <c r="E64" s="22">
        <v>352</v>
      </c>
      <c r="F64" s="22"/>
      <c r="G64" s="21" t="s">
        <v>124</v>
      </c>
      <c r="H64" s="20"/>
      <c r="I64" s="16">
        <v>17</v>
      </c>
      <c r="J64" s="22">
        <v>2</v>
      </c>
      <c r="K64" s="22">
        <v>15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5</v>
      </c>
      <c r="J65" s="22">
        <v>5</v>
      </c>
      <c r="K65" s="22">
        <v>10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400</v>
      </c>
      <c r="J66" s="32">
        <v>201</v>
      </c>
      <c r="K66" s="32">
        <v>199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0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50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9069</v>
      </c>
      <c r="D4" s="17">
        <v>4525</v>
      </c>
      <c r="E4" s="17">
        <v>4544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82</v>
      </c>
      <c r="D5" s="17">
        <v>82</v>
      </c>
      <c r="E5" s="17">
        <v>100</v>
      </c>
      <c r="F5" s="17"/>
      <c r="G5" s="21" t="s">
        <v>6</v>
      </c>
      <c r="H5" s="20"/>
      <c r="I5" s="16">
        <v>654</v>
      </c>
      <c r="J5" s="17">
        <v>351</v>
      </c>
      <c r="K5" s="17">
        <v>303</v>
      </c>
    </row>
    <row r="6" spans="1:11" ht="15" customHeight="1">
      <c r="A6" s="20" t="s">
        <v>7</v>
      </c>
      <c r="B6" s="20"/>
      <c r="C6" s="16">
        <v>32</v>
      </c>
      <c r="D6" s="22">
        <v>11</v>
      </c>
      <c r="E6" s="22">
        <v>21</v>
      </c>
      <c r="F6" s="22"/>
      <c r="G6" s="21" t="s">
        <v>8</v>
      </c>
      <c r="H6" s="20"/>
      <c r="I6" s="16">
        <v>160</v>
      </c>
      <c r="J6" s="22">
        <v>90</v>
      </c>
      <c r="K6" s="22">
        <v>70</v>
      </c>
    </row>
    <row r="7" spans="1:11" ht="15" customHeight="1">
      <c r="A7" s="20" t="s">
        <v>9</v>
      </c>
      <c r="B7" s="20"/>
      <c r="C7" s="16">
        <v>32</v>
      </c>
      <c r="D7" s="22">
        <v>20</v>
      </c>
      <c r="E7" s="22">
        <v>12</v>
      </c>
      <c r="F7" s="22"/>
      <c r="G7" s="21" t="s">
        <v>10</v>
      </c>
      <c r="H7" s="20"/>
      <c r="I7" s="16">
        <v>142</v>
      </c>
      <c r="J7" s="22">
        <v>74</v>
      </c>
      <c r="K7" s="22">
        <v>68</v>
      </c>
    </row>
    <row r="8" spans="1:11" ht="15" customHeight="1">
      <c r="A8" s="20" t="s">
        <v>11</v>
      </c>
      <c r="B8" s="20"/>
      <c r="C8" s="16">
        <v>33</v>
      </c>
      <c r="D8" s="22">
        <v>15</v>
      </c>
      <c r="E8" s="22">
        <v>18</v>
      </c>
      <c r="F8" s="22"/>
      <c r="G8" s="21" t="s">
        <v>12</v>
      </c>
      <c r="H8" s="20"/>
      <c r="I8" s="16">
        <v>123</v>
      </c>
      <c r="J8" s="22">
        <v>69</v>
      </c>
      <c r="K8" s="22">
        <v>54</v>
      </c>
    </row>
    <row r="9" spans="1:11" ht="15" customHeight="1">
      <c r="A9" s="20" t="s">
        <v>13</v>
      </c>
      <c r="B9" s="20"/>
      <c r="C9" s="16">
        <v>43</v>
      </c>
      <c r="D9" s="22">
        <v>19</v>
      </c>
      <c r="E9" s="22">
        <v>24</v>
      </c>
      <c r="F9" s="22"/>
      <c r="G9" s="21" t="s">
        <v>14</v>
      </c>
      <c r="H9" s="20"/>
      <c r="I9" s="16">
        <v>121</v>
      </c>
      <c r="J9" s="22">
        <v>63</v>
      </c>
      <c r="K9" s="22">
        <v>58</v>
      </c>
    </row>
    <row r="10" spans="1:11" ht="15" customHeight="1">
      <c r="A10" s="20" t="s">
        <v>15</v>
      </c>
      <c r="B10" s="20"/>
      <c r="C10" s="16">
        <v>42</v>
      </c>
      <c r="D10" s="22">
        <v>17</v>
      </c>
      <c r="E10" s="22">
        <v>25</v>
      </c>
      <c r="F10" s="22"/>
      <c r="G10" s="21" t="s">
        <v>16</v>
      </c>
      <c r="H10" s="20"/>
      <c r="I10" s="16">
        <v>108</v>
      </c>
      <c r="J10" s="22">
        <v>55</v>
      </c>
      <c r="K10" s="22">
        <v>53</v>
      </c>
    </row>
    <row r="11" spans="1:11" ht="20.100000000000001" customHeight="1">
      <c r="A11" s="20" t="s">
        <v>17</v>
      </c>
      <c r="B11" s="20"/>
      <c r="C11" s="16">
        <v>249</v>
      </c>
      <c r="D11" s="17">
        <v>126</v>
      </c>
      <c r="E11" s="17">
        <v>123</v>
      </c>
      <c r="F11" s="17"/>
      <c r="G11" s="21" t="s">
        <v>18</v>
      </c>
      <c r="H11" s="20"/>
      <c r="I11" s="16">
        <v>549</v>
      </c>
      <c r="J11" s="17">
        <v>271</v>
      </c>
      <c r="K11" s="17">
        <v>278</v>
      </c>
    </row>
    <row r="12" spans="1:11" ht="15" customHeight="1">
      <c r="A12" s="20" t="s">
        <v>19</v>
      </c>
      <c r="B12" s="20"/>
      <c r="C12" s="16">
        <v>46</v>
      </c>
      <c r="D12" s="22">
        <v>28</v>
      </c>
      <c r="E12" s="22">
        <v>18</v>
      </c>
      <c r="F12" s="22"/>
      <c r="G12" s="21" t="s">
        <v>20</v>
      </c>
      <c r="H12" s="20"/>
      <c r="I12" s="16">
        <v>141</v>
      </c>
      <c r="J12" s="22">
        <v>77</v>
      </c>
      <c r="K12" s="22">
        <v>64</v>
      </c>
    </row>
    <row r="13" spans="1:11" ht="15" customHeight="1">
      <c r="A13" s="20" t="s">
        <v>21</v>
      </c>
      <c r="B13" s="20"/>
      <c r="C13" s="16">
        <v>47</v>
      </c>
      <c r="D13" s="22">
        <v>27</v>
      </c>
      <c r="E13" s="22">
        <v>20</v>
      </c>
      <c r="F13" s="22"/>
      <c r="G13" s="21" t="s">
        <v>22</v>
      </c>
      <c r="H13" s="20"/>
      <c r="I13" s="16">
        <v>86</v>
      </c>
      <c r="J13" s="22">
        <v>36</v>
      </c>
      <c r="K13" s="22">
        <v>50</v>
      </c>
    </row>
    <row r="14" spans="1:11" ht="15" customHeight="1">
      <c r="A14" s="20" t="s">
        <v>23</v>
      </c>
      <c r="B14" s="20"/>
      <c r="C14" s="16">
        <v>56</v>
      </c>
      <c r="D14" s="22">
        <v>25</v>
      </c>
      <c r="E14" s="22">
        <v>31</v>
      </c>
      <c r="F14" s="22"/>
      <c r="G14" s="21" t="s">
        <v>24</v>
      </c>
      <c r="H14" s="20"/>
      <c r="I14" s="16">
        <v>116</v>
      </c>
      <c r="J14" s="22">
        <v>64</v>
      </c>
      <c r="K14" s="22">
        <v>52</v>
      </c>
    </row>
    <row r="15" spans="1:11" ht="15" customHeight="1">
      <c r="A15" s="20" t="s">
        <v>25</v>
      </c>
      <c r="B15" s="20"/>
      <c r="C15" s="16">
        <v>51</v>
      </c>
      <c r="D15" s="22">
        <v>25</v>
      </c>
      <c r="E15" s="22">
        <v>26</v>
      </c>
      <c r="F15" s="22"/>
      <c r="G15" s="21" t="s">
        <v>26</v>
      </c>
      <c r="H15" s="20"/>
      <c r="I15" s="16">
        <v>115</v>
      </c>
      <c r="J15" s="22">
        <v>50</v>
      </c>
      <c r="K15" s="22">
        <v>65</v>
      </c>
    </row>
    <row r="16" spans="1:11" ht="15" customHeight="1">
      <c r="A16" s="20" t="s">
        <v>27</v>
      </c>
      <c r="B16" s="20"/>
      <c r="C16" s="16">
        <v>49</v>
      </c>
      <c r="D16" s="22">
        <v>21</v>
      </c>
      <c r="E16" s="22">
        <v>28</v>
      </c>
      <c r="F16" s="22"/>
      <c r="G16" s="21" t="s">
        <v>28</v>
      </c>
      <c r="H16" s="20"/>
      <c r="I16" s="16">
        <v>91</v>
      </c>
      <c r="J16" s="22">
        <v>44</v>
      </c>
      <c r="K16" s="22">
        <v>47</v>
      </c>
    </row>
    <row r="17" spans="1:11" ht="20.100000000000001" customHeight="1">
      <c r="A17" s="24" t="s">
        <v>29</v>
      </c>
      <c r="B17" s="24"/>
      <c r="C17" s="16">
        <v>336</v>
      </c>
      <c r="D17" s="17">
        <v>169</v>
      </c>
      <c r="E17" s="17">
        <v>167</v>
      </c>
      <c r="F17" s="17"/>
      <c r="G17" s="21" t="s">
        <v>30</v>
      </c>
      <c r="H17" s="20"/>
      <c r="I17" s="16">
        <v>491</v>
      </c>
      <c r="J17" s="17">
        <v>231</v>
      </c>
      <c r="K17" s="17">
        <v>260</v>
      </c>
    </row>
    <row r="18" spans="1:11" ht="15" customHeight="1">
      <c r="A18" s="20" t="s">
        <v>31</v>
      </c>
      <c r="B18" s="20"/>
      <c r="C18" s="16">
        <v>52</v>
      </c>
      <c r="D18" s="22">
        <v>27</v>
      </c>
      <c r="E18" s="22">
        <v>25</v>
      </c>
      <c r="F18" s="22"/>
      <c r="G18" s="21" t="s">
        <v>32</v>
      </c>
      <c r="H18" s="20"/>
      <c r="I18" s="16">
        <v>90</v>
      </c>
      <c r="J18" s="22">
        <v>44</v>
      </c>
      <c r="K18" s="22">
        <v>46</v>
      </c>
    </row>
    <row r="19" spans="1:11" ht="15" customHeight="1">
      <c r="A19" s="20" t="s">
        <v>33</v>
      </c>
      <c r="B19" s="20"/>
      <c r="C19" s="16">
        <v>62</v>
      </c>
      <c r="D19" s="22">
        <v>36</v>
      </c>
      <c r="E19" s="22">
        <v>26</v>
      </c>
      <c r="F19" s="22"/>
      <c r="G19" s="21" t="s">
        <v>34</v>
      </c>
      <c r="H19" s="20"/>
      <c r="I19" s="16">
        <v>102</v>
      </c>
      <c r="J19" s="22">
        <v>43</v>
      </c>
      <c r="K19" s="22">
        <v>59</v>
      </c>
    </row>
    <row r="20" spans="1:11" ht="15" customHeight="1">
      <c r="A20" s="20" t="s">
        <v>35</v>
      </c>
      <c r="B20" s="20"/>
      <c r="C20" s="16">
        <v>65</v>
      </c>
      <c r="D20" s="22">
        <v>32</v>
      </c>
      <c r="E20" s="22">
        <v>33</v>
      </c>
      <c r="F20" s="22"/>
      <c r="G20" s="21" t="s">
        <v>36</v>
      </c>
      <c r="H20" s="20"/>
      <c r="I20" s="16">
        <v>107</v>
      </c>
      <c r="J20" s="22">
        <v>51</v>
      </c>
      <c r="K20" s="22">
        <v>56</v>
      </c>
    </row>
    <row r="21" spans="1:11" ht="15" customHeight="1">
      <c r="A21" s="20" t="s">
        <v>37</v>
      </c>
      <c r="B21" s="20"/>
      <c r="C21" s="16">
        <v>69</v>
      </c>
      <c r="D21" s="22">
        <v>32</v>
      </c>
      <c r="E21" s="22">
        <v>37</v>
      </c>
      <c r="F21" s="22"/>
      <c r="G21" s="21" t="s">
        <v>38</v>
      </c>
      <c r="H21" s="20"/>
      <c r="I21" s="16">
        <v>85</v>
      </c>
      <c r="J21" s="22">
        <v>42</v>
      </c>
      <c r="K21" s="22">
        <v>43</v>
      </c>
    </row>
    <row r="22" spans="1:11" ht="15" customHeight="1">
      <c r="A22" s="20" t="s">
        <v>39</v>
      </c>
      <c r="B22" s="20"/>
      <c r="C22" s="16">
        <v>88</v>
      </c>
      <c r="D22" s="22">
        <v>42</v>
      </c>
      <c r="E22" s="22">
        <v>46</v>
      </c>
      <c r="F22" s="22"/>
      <c r="G22" s="21" t="s">
        <v>40</v>
      </c>
      <c r="H22" s="20"/>
      <c r="I22" s="16">
        <v>107</v>
      </c>
      <c r="J22" s="22">
        <v>51</v>
      </c>
      <c r="K22" s="22">
        <v>56</v>
      </c>
    </row>
    <row r="23" spans="1:11" ht="20.100000000000001" customHeight="1">
      <c r="A23" s="20" t="s">
        <v>41</v>
      </c>
      <c r="B23" s="20"/>
      <c r="C23" s="16">
        <v>430</v>
      </c>
      <c r="D23" s="17">
        <v>234</v>
      </c>
      <c r="E23" s="17">
        <v>196</v>
      </c>
      <c r="F23" s="17"/>
      <c r="G23" s="21" t="s">
        <v>42</v>
      </c>
      <c r="H23" s="20"/>
      <c r="I23" s="16">
        <v>642</v>
      </c>
      <c r="J23" s="17">
        <v>299</v>
      </c>
      <c r="K23" s="17">
        <v>343</v>
      </c>
    </row>
    <row r="24" spans="1:11" ht="15" customHeight="1">
      <c r="A24" s="20" t="s">
        <v>43</v>
      </c>
      <c r="B24" s="20"/>
      <c r="C24" s="16">
        <v>79</v>
      </c>
      <c r="D24" s="22">
        <v>35</v>
      </c>
      <c r="E24" s="22">
        <v>44</v>
      </c>
      <c r="F24" s="22"/>
      <c r="G24" s="21" t="s">
        <v>44</v>
      </c>
      <c r="H24" s="20"/>
      <c r="I24" s="16">
        <v>118</v>
      </c>
      <c r="J24" s="22">
        <v>59</v>
      </c>
      <c r="K24" s="22">
        <v>59</v>
      </c>
    </row>
    <row r="25" spans="1:11" ht="15" customHeight="1">
      <c r="A25" s="20" t="s">
        <v>45</v>
      </c>
      <c r="B25" s="20"/>
      <c r="C25" s="16">
        <v>79</v>
      </c>
      <c r="D25" s="22">
        <v>35</v>
      </c>
      <c r="E25" s="22">
        <v>44</v>
      </c>
      <c r="F25" s="22"/>
      <c r="G25" s="21" t="s">
        <v>46</v>
      </c>
      <c r="H25" s="20"/>
      <c r="I25" s="16">
        <v>119</v>
      </c>
      <c r="J25" s="22">
        <v>63</v>
      </c>
      <c r="K25" s="22">
        <v>56</v>
      </c>
    </row>
    <row r="26" spans="1:11" ht="15" customHeight="1">
      <c r="A26" s="20" t="s">
        <v>47</v>
      </c>
      <c r="B26" s="20"/>
      <c r="C26" s="16">
        <v>79</v>
      </c>
      <c r="D26" s="22">
        <v>43</v>
      </c>
      <c r="E26" s="22">
        <v>36</v>
      </c>
      <c r="F26" s="22"/>
      <c r="G26" s="21" t="s">
        <v>48</v>
      </c>
      <c r="H26" s="20"/>
      <c r="I26" s="16">
        <v>138</v>
      </c>
      <c r="J26" s="22">
        <v>70</v>
      </c>
      <c r="K26" s="22">
        <v>68</v>
      </c>
    </row>
    <row r="27" spans="1:11" ht="15" customHeight="1">
      <c r="A27" s="20" t="s">
        <v>49</v>
      </c>
      <c r="B27" s="20"/>
      <c r="C27" s="16">
        <v>99</v>
      </c>
      <c r="D27" s="22">
        <v>62</v>
      </c>
      <c r="E27" s="22">
        <v>37</v>
      </c>
      <c r="F27" s="22"/>
      <c r="G27" s="21" t="s">
        <v>50</v>
      </c>
      <c r="H27" s="20"/>
      <c r="I27" s="16">
        <v>131</v>
      </c>
      <c r="J27" s="22">
        <v>50</v>
      </c>
      <c r="K27" s="22">
        <v>81</v>
      </c>
    </row>
    <row r="28" spans="1:11" ht="15" customHeight="1">
      <c r="A28" s="20" t="s">
        <v>51</v>
      </c>
      <c r="B28" s="20"/>
      <c r="C28" s="16">
        <v>94</v>
      </c>
      <c r="D28" s="22">
        <v>59</v>
      </c>
      <c r="E28" s="22">
        <v>35</v>
      </c>
      <c r="F28" s="22"/>
      <c r="G28" s="21" t="s">
        <v>52</v>
      </c>
      <c r="H28" s="20"/>
      <c r="I28" s="16">
        <v>136</v>
      </c>
      <c r="J28" s="22">
        <v>57</v>
      </c>
      <c r="K28" s="22">
        <v>79</v>
      </c>
    </row>
    <row r="29" spans="1:11" ht="20.100000000000001" customHeight="1">
      <c r="A29" s="20" t="s">
        <v>53</v>
      </c>
      <c r="B29" s="20"/>
      <c r="C29" s="16">
        <v>409</v>
      </c>
      <c r="D29" s="17">
        <v>219</v>
      </c>
      <c r="E29" s="17">
        <v>190</v>
      </c>
      <c r="F29" s="17"/>
      <c r="G29" s="21" t="s">
        <v>54</v>
      </c>
      <c r="H29" s="20"/>
      <c r="I29" s="16">
        <v>894</v>
      </c>
      <c r="J29" s="17">
        <v>428</v>
      </c>
      <c r="K29" s="17">
        <v>466</v>
      </c>
    </row>
    <row r="30" spans="1:11" ht="15" customHeight="1">
      <c r="A30" s="20" t="s">
        <v>55</v>
      </c>
      <c r="B30" s="20"/>
      <c r="C30" s="16">
        <v>88</v>
      </c>
      <c r="D30" s="22">
        <v>52</v>
      </c>
      <c r="E30" s="22">
        <v>36</v>
      </c>
      <c r="F30" s="22"/>
      <c r="G30" s="21" t="s">
        <v>56</v>
      </c>
      <c r="H30" s="20"/>
      <c r="I30" s="16">
        <v>150</v>
      </c>
      <c r="J30" s="22">
        <v>72</v>
      </c>
      <c r="K30" s="22">
        <v>78</v>
      </c>
    </row>
    <row r="31" spans="1:11" ht="15" customHeight="1">
      <c r="A31" s="20" t="s">
        <v>57</v>
      </c>
      <c r="B31" s="20"/>
      <c r="C31" s="16">
        <v>85</v>
      </c>
      <c r="D31" s="22">
        <v>38</v>
      </c>
      <c r="E31" s="22">
        <v>47</v>
      </c>
      <c r="F31" s="22"/>
      <c r="G31" s="21" t="s">
        <v>58</v>
      </c>
      <c r="H31" s="20"/>
      <c r="I31" s="16">
        <v>174</v>
      </c>
      <c r="J31" s="22">
        <v>75</v>
      </c>
      <c r="K31" s="22">
        <v>99</v>
      </c>
    </row>
    <row r="32" spans="1:11" ht="15" customHeight="1">
      <c r="A32" s="20" t="s">
        <v>59</v>
      </c>
      <c r="B32" s="20"/>
      <c r="C32" s="16">
        <v>76</v>
      </c>
      <c r="D32" s="22">
        <v>44</v>
      </c>
      <c r="E32" s="22">
        <v>32</v>
      </c>
      <c r="F32" s="22"/>
      <c r="G32" s="21" t="s">
        <v>60</v>
      </c>
      <c r="H32" s="20"/>
      <c r="I32" s="16">
        <v>169</v>
      </c>
      <c r="J32" s="22">
        <v>78</v>
      </c>
      <c r="K32" s="22">
        <v>91</v>
      </c>
    </row>
    <row r="33" spans="1:11" ht="15" customHeight="1">
      <c r="A33" s="20" t="s">
        <v>61</v>
      </c>
      <c r="B33" s="20"/>
      <c r="C33" s="16">
        <v>77</v>
      </c>
      <c r="D33" s="22">
        <v>45</v>
      </c>
      <c r="E33" s="22">
        <v>32</v>
      </c>
      <c r="F33" s="22"/>
      <c r="G33" s="21" t="s">
        <v>62</v>
      </c>
      <c r="H33" s="20"/>
      <c r="I33" s="16">
        <v>208</v>
      </c>
      <c r="J33" s="22">
        <v>107</v>
      </c>
      <c r="K33" s="22">
        <v>101</v>
      </c>
    </row>
    <row r="34" spans="1:11" ht="15" customHeight="1">
      <c r="A34" s="20" t="s">
        <v>63</v>
      </c>
      <c r="B34" s="20"/>
      <c r="C34" s="16">
        <v>83</v>
      </c>
      <c r="D34" s="22">
        <v>40</v>
      </c>
      <c r="E34" s="22">
        <v>43</v>
      </c>
      <c r="F34" s="22"/>
      <c r="G34" s="21" t="s">
        <v>64</v>
      </c>
      <c r="H34" s="20"/>
      <c r="I34" s="16">
        <v>193</v>
      </c>
      <c r="J34" s="22">
        <v>96</v>
      </c>
      <c r="K34" s="22">
        <v>97</v>
      </c>
    </row>
    <row r="35" spans="1:11" ht="20.100000000000001" customHeight="1">
      <c r="A35" s="20" t="s">
        <v>65</v>
      </c>
      <c r="B35" s="20"/>
      <c r="C35" s="16">
        <v>274</v>
      </c>
      <c r="D35" s="17">
        <v>172</v>
      </c>
      <c r="E35" s="17">
        <v>102</v>
      </c>
      <c r="F35" s="17"/>
      <c r="G35" s="21" t="s">
        <v>66</v>
      </c>
      <c r="H35" s="20"/>
      <c r="I35" s="16">
        <v>746</v>
      </c>
      <c r="J35" s="17">
        <v>359</v>
      </c>
      <c r="K35" s="17">
        <v>387</v>
      </c>
    </row>
    <row r="36" spans="1:11" ht="15" customHeight="1">
      <c r="A36" s="20" t="s">
        <v>67</v>
      </c>
      <c r="B36" s="20"/>
      <c r="C36" s="16">
        <v>64</v>
      </c>
      <c r="D36" s="22">
        <v>46</v>
      </c>
      <c r="E36" s="22">
        <v>18</v>
      </c>
      <c r="F36" s="22"/>
      <c r="G36" s="21" t="s">
        <v>68</v>
      </c>
      <c r="H36" s="20"/>
      <c r="I36" s="16">
        <v>190</v>
      </c>
      <c r="J36" s="22">
        <v>95</v>
      </c>
      <c r="K36" s="22">
        <v>95</v>
      </c>
    </row>
    <row r="37" spans="1:11" ht="15" customHeight="1">
      <c r="A37" s="20" t="s">
        <v>69</v>
      </c>
      <c r="B37" s="20"/>
      <c r="C37" s="16">
        <v>60</v>
      </c>
      <c r="D37" s="22">
        <v>39</v>
      </c>
      <c r="E37" s="22">
        <v>21</v>
      </c>
      <c r="F37" s="22"/>
      <c r="G37" s="21" t="s">
        <v>70</v>
      </c>
      <c r="H37" s="20"/>
      <c r="I37" s="16">
        <v>153</v>
      </c>
      <c r="J37" s="22">
        <v>71</v>
      </c>
      <c r="K37" s="22">
        <v>82</v>
      </c>
    </row>
    <row r="38" spans="1:11" ht="15" customHeight="1">
      <c r="A38" s="20" t="s">
        <v>71</v>
      </c>
      <c r="B38" s="20"/>
      <c r="C38" s="16">
        <v>57</v>
      </c>
      <c r="D38" s="22">
        <v>28</v>
      </c>
      <c r="E38" s="22">
        <v>29</v>
      </c>
      <c r="F38" s="22"/>
      <c r="G38" s="21" t="s">
        <v>72</v>
      </c>
      <c r="H38" s="20"/>
      <c r="I38" s="16">
        <v>117</v>
      </c>
      <c r="J38" s="22">
        <v>61</v>
      </c>
      <c r="K38" s="22">
        <v>56</v>
      </c>
    </row>
    <row r="39" spans="1:11" ht="15" customHeight="1">
      <c r="A39" s="20" t="s">
        <v>73</v>
      </c>
      <c r="B39" s="20"/>
      <c r="C39" s="16">
        <v>49</v>
      </c>
      <c r="D39" s="22">
        <v>30</v>
      </c>
      <c r="E39" s="22">
        <v>19</v>
      </c>
      <c r="F39" s="22"/>
      <c r="G39" s="21" t="s">
        <v>74</v>
      </c>
      <c r="H39" s="20"/>
      <c r="I39" s="16">
        <v>157</v>
      </c>
      <c r="J39" s="22">
        <v>74</v>
      </c>
      <c r="K39" s="22">
        <v>83</v>
      </c>
    </row>
    <row r="40" spans="1:11" ht="15" customHeight="1">
      <c r="A40" s="20" t="s">
        <v>75</v>
      </c>
      <c r="B40" s="20"/>
      <c r="C40" s="16">
        <v>44</v>
      </c>
      <c r="D40" s="22">
        <v>29</v>
      </c>
      <c r="E40" s="22">
        <v>15</v>
      </c>
      <c r="F40" s="22"/>
      <c r="G40" s="21" t="s">
        <v>76</v>
      </c>
      <c r="H40" s="20"/>
      <c r="I40" s="16">
        <v>129</v>
      </c>
      <c r="J40" s="22">
        <v>58</v>
      </c>
      <c r="K40" s="22">
        <v>71</v>
      </c>
    </row>
    <row r="41" spans="1:11" ht="20.100000000000001" customHeight="1">
      <c r="A41" s="20" t="s">
        <v>77</v>
      </c>
      <c r="B41" s="20"/>
      <c r="C41" s="16">
        <v>286</v>
      </c>
      <c r="D41" s="17">
        <v>141</v>
      </c>
      <c r="E41" s="17">
        <v>145</v>
      </c>
      <c r="F41" s="17"/>
      <c r="G41" s="21" t="s">
        <v>78</v>
      </c>
      <c r="H41" s="20"/>
      <c r="I41" s="16">
        <v>503</v>
      </c>
      <c r="J41" s="17">
        <v>231</v>
      </c>
      <c r="K41" s="17">
        <v>272</v>
      </c>
    </row>
    <row r="42" spans="1:11" ht="15" customHeight="1">
      <c r="A42" s="20" t="s">
        <v>79</v>
      </c>
      <c r="B42" s="20"/>
      <c r="C42" s="16">
        <v>53</v>
      </c>
      <c r="D42" s="22">
        <v>28</v>
      </c>
      <c r="E42" s="22">
        <v>25</v>
      </c>
      <c r="F42" s="22"/>
      <c r="G42" s="21" t="s">
        <v>80</v>
      </c>
      <c r="H42" s="20"/>
      <c r="I42" s="16">
        <v>125</v>
      </c>
      <c r="J42" s="22">
        <v>60</v>
      </c>
      <c r="K42" s="22">
        <v>65</v>
      </c>
    </row>
    <row r="43" spans="1:11" ht="15" customHeight="1">
      <c r="A43" s="20" t="s">
        <v>81</v>
      </c>
      <c r="B43" s="20"/>
      <c r="C43" s="16">
        <v>52</v>
      </c>
      <c r="D43" s="22">
        <v>28</v>
      </c>
      <c r="E43" s="22">
        <v>24</v>
      </c>
      <c r="F43" s="22"/>
      <c r="G43" s="21" t="s">
        <v>82</v>
      </c>
      <c r="H43" s="20"/>
      <c r="I43" s="16">
        <v>108</v>
      </c>
      <c r="J43" s="22">
        <v>44</v>
      </c>
      <c r="K43" s="22">
        <v>64</v>
      </c>
    </row>
    <row r="44" spans="1:11" ht="15" customHeight="1">
      <c r="A44" s="20" t="s">
        <v>83</v>
      </c>
      <c r="B44" s="20"/>
      <c r="C44" s="16">
        <v>53</v>
      </c>
      <c r="D44" s="22">
        <v>27</v>
      </c>
      <c r="E44" s="22">
        <v>26</v>
      </c>
      <c r="F44" s="22"/>
      <c r="G44" s="21" t="s">
        <v>84</v>
      </c>
      <c r="H44" s="20"/>
      <c r="I44" s="16">
        <v>115</v>
      </c>
      <c r="J44" s="22">
        <v>52</v>
      </c>
      <c r="K44" s="22">
        <v>63</v>
      </c>
    </row>
    <row r="45" spans="1:11" ht="15" customHeight="1">
      <c r="A45" s="20" t="s">
        <v>85</v>
      </c>
      <c r="B45" s="20"/>
      <c r="C45" s="16">
        <v>71</v>
      </c>
      <c r="D45" s="22">
        <v>33</v>
      </c>
      <c r="E45" s="22">
        <v>38</v>
      </c>
      <c r="F45" s="22"/>
      <c r="G45" s="21" t="s">
        <v>86</v>
      </c>
      <c r="H45" s="20"/>
      <c r="I45" s="16">
        <v>83</v>
      </c>
      <c r="J45" s="22">
        <v>44</v>
      </c>
      <c r="K45" s="22">
        <v>39</v>
      </c>
    </row>
    <row r="46" spans="1:11" ht="15" customHeight="1">
      <c r="A46" s="20" t="s">
        <v>87</v>
      </c>
      <c r="B46" s="20"/>
      <c r="C46" s="16">
        <v>57</v>
      </c>
      <c r="D46" s="22">
        <v>25</v>
      </c>
      <c r="E46" s="22">
        <v>32</v>
      </c>
      <c r="F46" s="22"/>
      <c r="G46" s="21" t="s">
        <v>88</v>
      </c>
      <c r="H46" s="20"/>
      <c r="I46" s="16">
        <v>72</v>
      </c>
      <c r="J46" s="22">
        <v>31</v>
      </c>
      <c r="K46" s="22">
        <v>41</v>
      </c>
    </row>
    <row r="47" spans="1:11" ht="20.100000000000001" customHeight="1">
      <c r="A47" s="20" t="s">
        <v>89</v>
      </c>
      <c r="B47" s="20"/>
      <c r="C47" s="16">
        <v>375</v>
      </c>
      <c r="D47" s="17">
        <v>204</v>
      </c>
      <c r="E47" s="17">
        <v>171</v>
      </c>
      <c r="F47" s="17"/>
      <c r="G47" s="21" t="s">
        <v>90</v>
      </c>
      <c r="H47" s="20"/>
      <c r="I47" s="16">
        <v>285</v>
      </c>
      <c r="J47" s="17">
        <v>116</v>
      </c>
      <c r="K47" s="17">
        <v>169</v>
      </c>
    </row>
    <row r="48" spans="1:11" ht="15" customHeight="1">
      <c r="A48" s="20" t="s">
        <v>91</v>
      </c>
      <c r="B48" s="20"/>
      <c r="C48" s="16">
        <v>70</v>
      </c>
      <c r="D48" s="22">
        <v>38</v>
      </c>
      <c r="E48" s="22">
        <v>32</v>
      </c>
      <c r="F48" s="22"/>
      <c r="G48" s="21" t="s">
        <v>92</v>
      </c>
      <c r="H48" s="20"/>
      <c r="I48" s="16">
        <v>89</v>
      </c>
      <c r="J48" s="22">
        <v>37</v>
      </c>
      <c r="K48" s="22">
        <v>52</v>
      </c>
    </row>
    <row r="49" spans="1:11" ht="15" customHeight="1">
      <c r="A49" s="20" t="s">
        <v>93</v>
      </c>
      <c r="B49" s="20"/>
      <c r="C49" s="16">
        <v>69</v>
      </c>
      <c r="D49" s="22">
        <v>38</v>
      </c>
      <c r="E49" s="22">
        <v>31</v>
      </c>
      <c r="F49" s="22"/>
      <c r="G49" s="21" t="s">
        <v>94</v>
      </c>
      <c r="H49" s="20"/>
      <c r="I49" s="16">
        <v>63</v>
      </c>
      <c r="J49" s="22">
        <v>30</v>
      </c>
      <c r="K49" s="22">
        <v>33</v>
      </c>
    </row>
    <row r="50" spans="1:11" ht="15" customHeight="1">
      <c r="A50" s="20" t="s">
        <v>95</v>
      </c>
      <c r="B50" s="20"/>
      <c r="C50" s="16">
        <v>79</v>
      </c>
      <c r="D50" s="22">
        <v>43</v>
      </c>
      <c r="E50" s="22">
        <v>36</v>
      </c>
      <c r="F50" s="22"/>
      <c r="G50" s="21" t="s">
        <v>96</v>
      </c>
      <c r="H50" s="20"/>
      <c r="I50" s="16">
        <v>57</v>
      </c>
      <c r="J50" s="22">
        <v>17</v>
      </c>
      <c r="K50" s="22">
        <v>40</v>
      </c>
    </row>
    <row r="51" spans="1:11" ht="15" customHeight="1">
      <c r="A51" s="20" t="s">
        <v>97</v>
      </c>
      <c r="B51" s="20"/>
      <c r="C51" s="16">
        <v>63</v>
      </c>
      <c r="D51" s="22">
        <v>36</v>
      </c>
      <c r="E51" s="22">
        <v>27</v>
      </c>
      <c r="F51" s="22"/>
      <c r="G51" s="21" t="s">
        <v>98</v>
      </c>
      <c r="H51" s="20"/>
      <c r="I51" s="16">
        <v>33</v>
      </c>
      <c r="J51" s="22">
        <v>12</v>
      </c>
      <c r="K51" s="22">
        <v>21</v>
      </c>
    </row>
    <row r="52" spans="1:11" ht="15" customHeight="1">
      <c r="A52" s="20" t="s">
        <v>99</v>
      </c>
      <c r="B52" s="20"/>
      <c r="C52" s="16">
        <v>94</v>
      </c>
      <c r="D52" s="22">
        <v>49</v>
      </c>
      <c r="E52" s="22">
        <v>45</v>
      </c>
      <c r="F52" s="22"/>
      <c r="G52" s="21" t="s">
        <v>100</v>
      </c>
      <c r="H52" s="20"/>
      <c r="I52" s="16">
        <v>43</v>
      </c>
      <c r="J52" s="22">
        <v>20</v>
      </c>
      <c r="K52" s="22">
        <v>23</v>
      </c>
    </row>
    <row r="53" spans="1:11" ht="20.100000000000001" customHeight="1">
      <c r="A53" s="20" t="s">
        <v>101</v>
      </c>
      <c r="B53" s="20"/>
      <c r="C53" s="16">
        <v>499</v>
      </c>
      <c r="D53" s="17">
        <v>275</v>
      </c>
      <c r="E53" s="17">
        <v>224</v>
      </c>
      <c r="F53" s="17"/>
      <c r="G53" s="21" t="s">
        <v>102</v>
      </c>
      <c r="H53" s="20"/>
      <c r="I53" s="16">
        <v>170</v>
      </c>
      <c r="J53" s="17">
        <v>60</v>
      </c>
      <c r="K53" s="17">
        <v>110</v>
      </c>
    </row>
    <row r="54" spans="1:11" ht="15" customHeight="1">
      <c r="A54" s="20" t="s">
        <v>103</v>
      </c>
      <c r="B54" s="20"/>
      <c r="C54" s="16">
        <v>83</v>
      </c>
      <c r="D54" s="22">
        <v>42</v>
      </c>
      <c r="E54" s="22">
        <v>41</v>
      </c>
      <c r="F54" s="22"/>
      <c r="G54" s="21" t="s">
        <v>104</v>
      </c>
      <c r="H54" s="20"/>
      <c r="I54" s="16">
        <v>47</v>
      </c>
      <c r="J54" s="22">
        <v>20</v>
      </c>
      <c r="K54" s="22">
        <v>27</v>
      </c>
    </row>
    <row r="55" spans="1:11" ht="15" customHeight="1">
      <c r="A55" s="20" t="s">
        <v>105</v>
      </c>
      <c r="B55" s="20"/>
      <c r="C55" s="16">
        <v>96</v>
      </c>
      <c r="D55" s="22">
        <v>55</v>
      </c>
      <c r="E55" s="22">
        <v>41</v>
      </c>
      <c r="F55" s="22"/>
      <c r="G55" s="21" t="s">
        <v>106</v>
      </c>
      <c r="H55" s="20"/>
      <c r="I55" s="16">
        <v>31</v>
      </c>
      <c r="J55" s="22">
        <v>11</v>
      </c>
      <c r="K55" s="22">
        <v>20</v>
      </c>
    </row>
    <row r="56" spans="1:11" ht="15" customHeight="1">
      <c r="A56" s="20" t="s">
        <v>107</v>
      </c>
      <c r="B56" s="20"/>
      <c r="C56" s="16">
        <v>103</v>
      </c>
      <c r="D56" s="22">
        <v>58</v>
      </c>
      <c r="E56" s="22">
        <v>45</v>
      </c>
      <c r="F56" s="22"/>
      <c r="G56" s="21" t="s">
        <v>108</v>
      </c>
      <c r="H56" s="20"/>
      <c r="I56" s="16">
        <v>35</v>
      </c>
      <c r="J56" s="22">
        <v>10</v>
      </c>
      <c r="K56" s="22">
        <v>25</v>
      </c>
    </row>
    <row r="57" spans="1:11" ht="15" customHeight="1">
      <c r="A57" s="20" t="s">
        <v>109</v>
      </c>
      <c r="B57" s="20"/>
      <c r="C57" s="16">
        <v>92</v>
      </c>
      <c r="D57" s="22">
        <v>51</v>
      </c>
      <c r="E57" s="22">
        <v>41</v>
      </c>
      <c r="F57" s="22"/>
      <c r="G57" s="21" t="s">
        <v>110</v>
      </c>
      <c r="H57" s="20"/>
      <c r="I57" s="16">
        <v>31</v>
      </c>
      <c r="J57" s="22">
        <v>11</v>
      </c>
      <c r="K57" s="22">
        <v>20</v>
      </c>
    </row>
    <row r="58" spans="1:11" ht="15" customHeight="1">
      <c r="A58" s="20" t="s">
        <v>111</v>
      </c>
      <c r="B58" s="20"/>
      <c r="C58" s="16">
        <v>125</v>
      </c>
      <c r="D58" s="22">
        <v>69</v>
      </c>
      <c r="E58" s="22">
        <v>56</v>
      </c>
      <c r="F58" s="22"/>
      <c r="G58" s="21" t="s">
        <v>112</v>
      </c>
      <c r="H58" s="20"/>
      <c r="I58" s="16">
        <v>26</v>
      </c>
      <c r="J58" s="22">
        <v>8</v>
      </c>
      <c r="K58" s="22">
        <v>18</v>
      </c>
    </row>
    <row r="59" spans="1:11" ht="20.100000000000001" customHeight="1">
      <c r="A59" s="20" t="s">
        <v>113</v>
      </c>
      <c r="B59" s="20"/>
      <c r="C59" s="16">
        <v>688</v>
      </c>
      <c r="D59" s="17">
        <v>341</v>
      </c>
      <c r="E59" s="17">
        <v>347</v>
      </c>
      <c r="F59" s="17"/>
      <c r="G59" s="21" t="s">
        <v>114</v>
      </c>
      <c r="H59" s="20"/>
      <c r="I59" s="16">
        <v>72</v>
      </c>
      <c r="J59" s="17">
        <v>11</v>
      </c>
      <c r="K59" s="17">
        <v>61</v>
      </c>
    </row>
    <row r="60" spans="1:11" ht="15" customHeight="1">
      <c r="A60" s="20" t="s">
        <v>115</v>
      </c>
      <c r="B60" s="20"/>
      <c r="C60" s="16">
        <v>135</v>
      </c>
      <c r="D60" s="22">
        <v>74</v>
      </c>
      <c r="E60" s="22">
        <v>61</v>
      </c>
      <c r="F60" s="22"/>
      <c r="G60" s="21" t="s">
        <v>116</v>
      </c>
      <c r="H60" s="20"/>
      <c r="I60" s="16">
        <v>27</v>
      </c>
      <c r="J60" s="22">
        <v>6</v>
      </c>
      <c r="K60" s="22">
        <v>21</v>
      </c>
    </row>
    <row r="61" spans="1:11" ht="15" customHeight="1">
      <c r="A61" s="20" t="s">
        <v>117</v>
      </c>
      <c r="B61" s="20"/>
      <c r="C61" s="16">
        <v>138</v>
      </c>
      <c r="D61" s="22">
        <v>65</v>
      </c>
      <c r="E61" s="22">
        <v>73</v>
      </c>
      <c r="F61" s="22"/>
      <c r="G61" s="21" t="s">
        <v>118</v>
      </c>
      <c r="H61" s="20"/>
      <c r="I61" s="16">
        <v>18</v>
      </c>
      <c r="J61" s="22">
        <v>3</v>
      </c>
      <c r="K61" s="22">
        <v>15</v>
      </c>
    </row>
    <row r="62" spans="1:11" ht="15" customHeight="1">
      <c r="A62" s="20" t="s">
        <v>119</v>
      </c>
      <c r="B62" s="20"/>
      <c r="C62" s="16">
        <v>124</v>
      </c>
      <c r="D62" s="22">
        <v>57</v>
      </c>
      <c r="E62" s="22">
        <v>67</v>
      </c>
      <c r="F62" s="22"/>
      <c r="G62" s="21" t="s">
        <v>120</v>
      </c>
      <c r="H62" s="20"/>
      <c r="I62" s="16">
        <v>9</v>
      </c>
      <c r="J62" s="22">
        <v>1</v>
      </c>
      <c r="K62" s="22">
        <v>8</v>
      </c>
    </row>
    <row r="63" spans="1:11" ht="15" customHeight="1">
      <c r="A63" s="20" t="s">
        <v>121</v>
      </c>
      <c r="B63" s="20"/>
      <c r="C63" s="16">
        <v>146</v>
      </c>
      <c r="D63" s="22">
        <v>68</v>
      </c>
      <c r="E63" s="22">
        <v>78</v>
      </c>
      <c r="F63" s="22"/>
      <c r="G63" s="21" t="s">
        <v>122</v>
      </c>
      <c r="H63" s="20"/>
      <c r="I63" s="16">
        <v>15</v>
      </c>
      <c r="J63" s="22">
        <v>0</v>
      </c>
      <c r="K63" s="22">
        <v>15</v>
      </c>
    </row>
    <row r="64" spans="1:11" ht="15" customHeight="1">
      <c r="A64" s="20" t="s">
        <v>123</v>
      </c>
      <c r="B64" s="20"/>
      <c r="C64" s="16">
        <v>145</v>
      </c>
      <c r="D64" s="22">
        <v>77</v>
      </c>
      <c r="E64" s="22">
        <v>68</v>
      </c>
      <c r="F64" s="22"/>
      <c r="G64" s="21" t="s">
        <v>124</v>
      </c>
      <c r="H64" s="20"/>
      <c r="I64" s="16">
        <v>3</v>
      </c>
      <c r="J64" s="22">
        <v>1</v>
      </c>
      <c r="K64" s="22">
        <v>2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3</v>
      </c>
      <c r="J65" s="22">
        <v>2</v>
      </c>
      <c r="K65" s="22">
        <v>11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322</v>
      </c>
      <c r="J66" s="32">
        <v>203</v>
      </c>
      <c r="K66" s="32">
        <v>119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64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51031</v>
      </c>
      <c r="D4" s="17">
        <v>76669</v>
      </c>
      <c r="E4" s="17">
        <v>74362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3945</v>
      </c>
      <c r="D5" s="17">
        <v>2028</v>
      </c>
      <c r="E5" s="17">
        <v>1917</v>
      </c>
      <c r="F5" s="17"/>
      <c r="G5" s="21" t="s">
        <v>6</v>
      </c>
      <c r="H5" s="20"/>
      <c r="I5" s="16">
        <v>13748</v>
      </c>
      <c r="J5" s="17">
        <v>7041</v>
      </c>
      <c r="K5" s="17">
        <v>6707</v>
      </c>
    </row>
    <row r="6" spans="1:11" ht="15" customHeight="1">
      <c r="A6" s="20" t="s">
        <v>7</v>
      </c>
      <c r="B6" s="20"/>
      <c r="C6" s="16">
        <v>750</v>
      </c>
      <c r="D6" s="22">
        <v>374</v>
      </c>
      <c r="E6" s="22">
        <v>376</v>
      </c>
      <c r="F6" s="22"/>
      <c r="G6" s="21" t="s">
        <v>8</v>
      </c>
      <c r="H6" s="20"/>
      <c r="I6" s="16">
        <v>2790</v>
      </c>
      <c r="J6" s="22">
        <v>1434</v>
      </c>
      <c r="K6" s="22">
        <v>1356</v>
      </c>
    </row>
    <row r="7" spans="1:11" ht="15" customHeight="1">
      <c r="A7" s="20" t="s">
        <v>9</v>
      </c>
      <c r="B7" s="20"/>
      <c r="C7" s="16">
        <v>796</v>
      </c>
      <c r="D7" s="22">
        <v>408</v>
      </c>
      <c r="E7" s="22">
        <v>388</v>
      </c>
      <c r="F7" s="22"/>
      <c r="G7" s="21" t="s">
        <v>10</v>
      </c>
      <c r="H7" s="20"/>
      <c r="I7" s="16">
        <v>2675</v>
      </c>
      <c r="J7" s="22">
        <v>1326</v>
      </c>
      <c r="K7" s="22">
        <v>1349</v>
      </c>
    </row>
    <row r="8" spans="1:11" ht="15" customHeight="1">
      <c r="A8" s="20" t="s">
        <v>11</v>
      </c>
      <c r="B8" s="20"/>
      <c r="C8" s="16">
        <v>722</v>
      </c>
      <c r="D8" s="22">
        <v>375</v>
      </c>
      <c r="E8" s="22">
        <v>347</v>
      </c>
      <c r="F8" s="22"/>
      <c r="G8" s="21" t="s">
        <v>12</v>
      </c>
      <c r="H8" s="20"/>
      <c r="I8" s="16">
        <v>2758</v>
      </c>
      <c r="J8" s="22">
        <v>1386</v>
      </c>
      <c r="K8" s="22">
        <v>1372</v>
      </c>
    </row>
    <row r="9" spans="1:11" ht="15" customHeight="1">
      <c r="A9" s="20" t="s">
        <v>13</v>
      </c>
      <c r="B9" s="20"/>
      <c r="C9" s="16">
        <v>806</v>
      </c>
      <c r="D9" s="22">
        <v>403</v>
      </c>
      <c r="E9" s="22">
        <v>403</v>
      </c>
      <c r="F9" s="22"/>
      <c r="G9" s="21" t="s">
        <v>14</v>
      </c>
      <c r="H9" s="20"/>
      <c r="I9" s="16">
        <v>2793</v>
      </c>
      <c r="J9" s="22">
        <v>1474</v>
      </c>
      <c r="K9" s="22">
        <v>1319</v>
      </c>
    </row>
    <row r="10" spans="1:11" ht="15" customHeight="1">
      <c r="A10" s="20" t="s">
        <v>15</v>
      </c>
      <c r="B10" s="20"/>
      <c r="C10" s="16">
        <v>871</v>
      </c>
      <c r="D10" s="22">
        <v>468</v>
      </c>
      <c r="E10" s="22">
        <v>403</v>
      </c>
      <c r="F10" s="22"/>
      <c r="G10" s="21" t="s">
        <v>16</v>
      </c>
      <c r="H10" s="20"/>
      <c r="I10" s="16">
        <v>2732</v>
      </c>
      <c r="J10" s="22">
        <v>1421</v>
      </c>
      <c r="K10" s="22">
        <v>1311</v>
      </c>
    </row>
    <row r="11" spans="1:11" ht="20.100000000000001" customHeight="1">
      <c r="A11" s="20" t="s">
        <v>17</v>
      </c>
      <c r="B11" s="20"/>
      <c r="C11" s="16">
        <v>4809</v>
      </c>
      <c r="D11" s="17">
        <v>2494</v>
      </c>
      <c r="E11" s="17">
        <v>2315</v>
      </c>
      <c r="F11" s="17"/>
      <c r="G11" s="21" t="s">
        <v>18</v>
      </c>
      <c r="H11" s="20"/>
      <c r="I11" s="16">
        <v>12192</v>
      </c>
      <c r="J11" s="17">
        <v>6648</v>
      </c>
      <c r="K11" s="17">
        <v>5544</v>
      </c>
    </row>
    <row r="12" spans="1:11" ht="15" customHeight="1">
      <c r="A12" s="20" t="s">
        <v>19</v>
      </c>
      <c r="B12" s="20"/>
      <c r="C12" s="16">
        <v>880</v>
      </c>
      <c r="D12" s="22">
        <v>468</v>
      </c>
      <c r="E12" s="22">
        <v>412</v>
      </c>
      <c r="F12" s="22"/>
      <c r="G12" s="21" t="s">
        <v>20</v>
      </c>
      <c r="H12" s="20"/>
      <c r="I12" s="16">
        <v>2861</v>
      </c>
      <c r="J12" s="22">
        <v>1565</v>
      </c>
      <c r="K12" s="22">
        <v>1296</v>
      </c>
    </row>
    <row r="13" spans="1:11" ht="15" customHeight="1">
      <c r="A13" s="20" t="s">
        <v>21</v>
      </c>
      <c r="B13" s="20"/>
      <c r="C13" s="16">
        <v>977</v>
      </c>
      <c r="D13" s="22">
        <v>523</v>
      </c>
      <c r="E13" s="22">
        <v>454</v>
      </c>
      <c r="F13" s="22"/>
      <c r="G13" s="21" t="s">
        <v>22</v>
      </c>
      <c r="H13" s="20"/>
      <c r="I13" s="16">
        <v>2077</v>
      </c>
      <c r="J13" s="22">
        <v>1112</v>
      </c>
      <c r="K13" s="22">
        <v>965</v>
      </c>
    </row>
    <row r="14" spans="1:11" ht="15" customHeight="1">
      <c r="A14" s="20" t="s">
        <v>23</v>
      </c>
      <c r="B14" s="20"/>
      <c r="C14" s="16">
        <v>1010</v>
      </c>
      <c r="D14" s="22">
        <v>509</v>
      </c>
      <c r="E14" s="22">
        <v>501</v>
      </c>
      <c r="F14" s="22"/>
      <c r="G14" s="21" t="s">
        <v>24</v>
      </c>
      <c r="H14" s="20"/>
      <c r="I14" s="16">
        <v>2597</v>
      </c>
      <c r="J14" s="22">
        <v>1369</v>
      </c>
      <c r="K14" s="22">
        <v>1228</v>
      </c>
    </row>
    <row r="15" spans="1:11" ht="15" customHeight="1">
      <c r="A15" s="20" t="s">
        <v>25</v>
      </c>
      <c r="B15" s="20"/>
      <c r="C15" s="16">
        <v>969</v>
      </c>
      <c r="D15" s="22">
        <v>494</v>
      </c>
      <c r="E15" s="22">
        <v>475</v>
      </c>
      <c r="F15" s="22"/>
      <c r="G15" s="21" t="s">
        <v>26</v>
      </c>
      <c r="H15" s="20"/>
      <c r="I15" s="16">
        <v>2420</v>
      </c>
      <c r="J15" s="22">
        <v>1387</v>
      </c>
      <c r="K15" s="22">
        <v>1033</v>
      </c>
    </row>
    <row r="16" spans="1:11" ht="15" customHeight="1">
      <c r="A16" s="20" t="s">
        <v>27</v>
      </c>
      <c r="B16" s="20"/>
      <c r="C16" s="16">
        <v>973</v>
      </c>
      <c r="D16" s="22">
        <v>500</v>
      </c>
      <c r="E16" s="22">
        <v>473</v>
      </c>
      <c r="F16" s="22"/>
      <c r="G16" s="21" t="s">
        <v>28</v>
      </c>
      <c r="H16" s="20"/>
      <c r="I16" s="16">
        <v>2237</v>
      </c>
      <c r="J16" s="22">
        <v>1215</v>
      </c>
      <c r="K16" s="22">
        <v>1022</v>
      </c>
    </row>
    <row r="17" spans="1:11" ht="20.100000000000001" customHeight="1">
      <c r="A17" s="24" t="s">
        <v>29</v>
      </c>
      <c r="B17" s="24"/>
      <c r="C17" s="16">
        <v>5205</v>
      </c>
      <c r="D17" s="17">
        <v>2691</v>
      </c>
      <c r="E17" s="17">
        <v>2514</v>
      </c>
      <c r="F17" s="17"/>
      <c r="G17" s="21" t="s">
        <v>30</v>
      </c>
      <c r="H17" s="20"/>
      <c r="I17" s="16">
        <v>9427</v>
      </c>
      <c r="J17" s="17">
        <v>5152</v>
      </c>
      <c r="K17" s="17">
        <v>4275</v>
      </c>
    </row>
    <row r="18" spans="1:11" ht="15" customHeight="1">
      <c r="A18" s="20" t="s">
        <v>31</v>
      </c>
      <c r="B18" s="20"/>
      <c r="C18" s="16">
        <v>1024</v>
      </c>
      <c r="D18" s="22">
        <v>539</v>
      </c>
      <c r="E18" s="22">
        <v>485</v>
      </c>
      <c r="F18" s="22"/>
      <c r="G18" s="21" t="s">
        <v>32</v>
      </c>
      <c r="H18" s="20"/>
      <c r="I18" s="16">
        <v>2035</v>
      </c>
      <c r="J18" s="22">
        <v>1099</v>
      </c>
      <c r="K18" s="22">
        <v>936</v>
      </c>
    </row>
    <row r="19" spans="1:11" ht="15" customHeight="1">
      <c r="A19" s="20" t="s">
        <v>33</v>
      </c>
      <c r="B19" s="20"/>
      <c r="C19" s="16">
        <v>958</v>
      </c>
      <c r="D19" s="22">
        <v>484</v>
      </c>
      <c r="E19" s="22">
        <v>474</v>
      </c>
      <c r="F19" s="22"/>
      <c r="G19" s="21" t="s">
        <v>34</v>
      </c>
      <c r="H19" s="20"/>
      <c r="I19" s="16">
        <v>1932</v>
      </c>
      <c r="J19" s="22">
        <v>1062</v>
      </c>
      <c r="K19" s="22">
        <v>870</v>
      </c>
    </row>
    <row r="20" spans="1:11" ht="15" customHeight="1">
      <c r="A20" s="20" t="s">
        <v>35</v>
      </c>
      <c r="B20" s="20"/>
      <c r="C20" s="16">
        <v>1129</v>
      </c>
      <c r="D20" s="22">
        <v>584</v>
      </c>
      <c r="E20" s="22">
        <v>545</v>
      </c>
      <c r="F20" s="22"/>
      <c r="G20" s="21" t="s">
        <v>36</v>
      </c>
      <c r="H20" s="20"/>
      <c r="I20" s="16">
        <v>1852</v>
      </c>
      <c r="J20" s="22">
        <v>993</v>
      </c>
      <c r="K20" s="22">
        <v>859</v>
      </c>
    </row>
    <row r="21" spans="1:11" ht="15" customHeight="1">
      <c r="A21" s="20" t="s">
        <v>37</v>
      </c>
      <c r="B21" s="20"/>
      <c r="C21" s="16">
        <v>1041</v>
      </c>
      <c r="D21" s="22">
        <v>538</v>
      </c>
      <c r="E21" s="22">
        <v>503</v>
      </c>
      <c r="F21" s="22"/>
      <c r="G21" s="21" t="s">
        <v>38</v>
      </c>
      <c r="H21" s="20"/>
      <c r="I21" s="16">
        <v>1885</v>
      </c>
      <c r="J21" s="22">
        <v>1069</v>
      </c>
      <c r="K21" s="22">
        <v>816</v>
      </c>
    </row>
    <row r="22" spans="1:11" ht="15" customHeight="1">
      <c r="A22" s="20" t="s">
        <v>39</v>
      </c>
      <c r="B22" s="20"/>
      <c r="C22" s="16">
        <v>1053</v>
      </c>
      <c r="D22" s="22">
        <v>546</v>
      </c>
      <c r="E22" s="22">
        <v>507</v>
      </c>
      <c r="F22" s="22"/>
      <c r="G22" s="21" t="s">
        <v>40</v>
      </c>
      <c r="H22" s="20"/>
      <c r="I22" s="16">
        <v>1723</v>
      </c>
      <c r="J22" s="22">
        <v>929</v>
      </c>
      <c r="K22" s="22">
        <v>794</v>
      </c>
    </row>
    <row r="23" spans="1:11" ht="20.100000000000001" customHeight="1">
      <c r="A23" s="20" t="s">
        <v>41</v>
      </c>
      <c r="B23" s="20"/>
      <c r="C23" s="16">
        <v>5232</v>
      </c>
      <c r="D23" s="17">
        <v>2662</v>
      </c>
      <c r="E23" s="17">
        <v>2570</v>
      </c>
      <c r="F23" s="17"/>
      <c r="G23" s="21" t="s">
        <v>42</v>
      </c>
      <c r="H23" s="20"/>
      <c r="I23" s="16">
        <v>7765</v>
      </c>
      <c r="J23" s="17">
        <v>4322</v>
      </c>
      <c r="K23" s="17">
        <v>3443</v>
      </c>
    </row>
    <row r="24" spans="1:11" ht="15" customHeight="1">
      <c r="A24" s="20" t="s">
        <v>43</v>
      </c>
      <c r="B24" s="20"/>
      <c r="C24" s="16">
        <v>1100</v>
      </c>
      <c r="D24" s="22">
        <v>546</v>
      </c>
      <c r="E24" s="22">
        <v>554</v>
      </c>
      <c r="F24" s="22"/>
      <c r="G24" s="21" t="s">
        <v>44</v>
      </c>
      <c r="H24" s="20"/>
      <c r="I24" s="16">
        <v>1574</v>
      </c>
      <c r="J24" s="22">
        <v>866</v>
      </c>
      <c r="K24" s="22">
        <v>708</v>
      </c>
    </row>
    <row r="25" spans="1:11" ht="15" customHeight="1">
      <c r="A25" s="20" t="s">
        <v>45</v>
      </c>
      <c r="B25" s="20"/>
      <c r="C25" s="16">
        <v>1066</v>
      </c>
      <c r="D25" s="22">
        <v>561</v>
      </c>
      <c r="E25" s="22">
        <v>505</v>
      </c>
      <c r="F25" s="22"/>
      <c r="G25" s="21" t="s">
        <v>46</v>
      </c>
      <c r="H25" s="20"/>
      <c r="I25" s="16">
        <v>1513</v>
      </c>
      <c r="J25" s="22">
        <v>839</v>
      </c>
      <c r="K25" s="22">
        <v>674</v>
      </c>
    </row>
    <row r="26" spans="1:11" ht="15" customHeight="1">
      <c r="A26" s="20" t="s">
        <v>47</v>
      </c>
      <c r="B26" s="20"/>
      <c r="C26" s="16">
        <v>1008</v>
      </c>
      <c r="D26" s="22">
        <v>531</v>
      </c>
      <c r="E26" s="22">
        <v>477</v>
      </c>
      <c r="F26" s="22"/>
      <c r="G26" s="21" t="s">
        <v>48</v>
      </c>
      <c r="H26" s="20"/>
      <c r="I26" s="16">
        <v>1616</v>
      </c>
      <c r="J26" s="22">
        <v>898</v>
      </c>
      <c r="K26" s="22">
        <v>718</v>
      </c>
    </row>
    <row r="27" spans="1:11" ht="15" customHeight="1">
      <c r="A27" s="20" t="s">
        <v>49</v>
      </c>
      <c r="B27" s="20"/>
      <c r="C27" s="16">
        <v>991</v>
      </c>
      <c r="D27" s="22">
        <v>494</v>
      </c>
      <c r="E27" s="22">
        <v>497</v>
      </c>
      <c r="F27" s="22"/>
      <c r="G27" s="21" t="s">
        <v>50</v>
      </c>
      <c r="H27" s="20"/>
      <c r="I27" s="16">
        <v>1480</v>
      </c>
      <c r="J27" s="22">
        <v>831</v>
      </c>
      <c r="K27" s="22">
        <v>649</v>
      </c>
    </row>
    <row r="28" spans="1:11" ht="15" customHeight="1">
      <c r="A28" s="20" t="s">
        <v>51</v>
      </c>
      <c r="B28" s="20"/>
      <c r="C28" s="16">
        <v>1067</v>
      </c>
      <c r="D28" s="22">
        <v>530</v>
      </c>
      <c r="E28" s="22">
        <v>537</v>
      </c>
      <c r="F28" s="22"/>
      <c r="G28" s="21" t="s">
        <v>52</v>
      </c>
      <c r="H28" s="20"/>
      <c r="I28" s="16">
        <v>1582</v>
      </c>
      <c r="J28" s="22">
        <v>888</v>
      </c>
      <c r="K28" s="22">
        <v>694</v>
      </c>
    </row>
    <row r="29" spans="1:11" ht="20.100000000000001" customHeight="1">
      <c r="A29" s="20" t="s">
        <v>53</v>
      </c>
      <c r="B29" s="20"/>
      <c r="C29" s="16">
        <v>6696</v>
      </c>
      <c r="D29" s="17">
        <v>3261</v>
      </c>
      <c r="E29" s="17">
        <v>3435</v>
      </c>
      <c r="F29" s="17"/>
      <c r="G29" s="21" t="s">
        <v>54</v>
      </c>
      <c r="H29" s="20"/>
      <c r="I29" s="16">
        <v>8911</v>
      </c>
      <c r="J29" s="17">
        <v>4904</v>
      </c>
      <c r="K29" s="17">
        <v>4007</v>
      </c>
    </row>
    <row r="30" spans="1:11" ht="15" customHeight="1">
      <c r="A30" s="20" t="s">
        <v>55</v>
      </c>
      <c r="B30" s="20"/>
      <c r="C30" s="16">
        <v>1124</v>
      </c>
      <c r="D30" s="22">
        <v>531</v>
      </c>
      <c r="E30" s="22">
        <v>593</v>
      </c>
      <c r="F30" s="22"/>
      <c r="G30" s="21" t="s">
        <v>56</v>
      </c>
      <c r="H30" s="20"/>
      <c r="I30" s="16">
        <v>1633</v>
      </c>
      <c r="J30" s="22">
        <v>948</v>
      </c>
      <c r="K30" s="22">
        <v>685</v>
      </c>
    </row>
    <row r="31" spans="1:11" ht="15" customHeight="1">
      <c r="A31" s="20" t="s">
        <v>57</v>
      </c>
      <c r="B31" s="20"/>
      <c r="C31" s="16">
        <v>1242</v>
      </c>
      <c r="D31" s="22">
        <v>629</v>
      </c>
      <c r="E31" s="22">
        <v>613</v>
      </c>
      <c r="F31" s="22"/>
      <c r="G31" s="21" t="s">
        <v>58</v>
      </c>
      <c r="H31" s="20"/>
      <c r="I31" s="16">
        <v>1600</v>
      </c>
      <c r="J31" s="22">
        <v>883</v>
      </c>
      <c r="K31" s="22">
        <v>717</v>
      </c>
    </row>
    <row r="32" spans="1:11" ht="15" customHeight="1">
      <c r="A32" s="20" t="s">
        <v>59</v>
      </c>
      <c r="B32" s="20"/>
      <c r="C32" s="16">
        <v>1330</v>
      </c>
      <c r="D32" s="22">
        <v>631</v>
      </c>
      <c r="E32" s="22">
        <v>699</v>
      </c>
      <c r="F32" s="22"/>
      <c r="G32" s="21" t="s">
        <v>60</v>
      </c>
      <c r="H32" s="20"/>
      <c r="I32" s="16">
        <v>1740</v>
      </c>
      <c r="J32" s="22">
        <v>993</v>
      </c>
      <c r="K32" s="22">
        <v>747</v>
      </c>
    </row>
    <row r="33" spans="1:11" ht="15" customHeight="1">
      <c r="A33" s="20" t="s">
        <v>61</v>
      </c>
      <c r="B33" s="20"/>
      <c r="C33" s="16">
        <v>1500</v>
      </c>
      <c r="D33" s="22">
        <v>715</v>
      </c>
      <c r="E33" s="22">
        <v>785</v>
      </c>
      <c r="F33" s="22"/>
      <c r="G33" s="21" t="s">
        <v>62</v>
      </c>
      <c r="H33" s="20"/>
      <c r="I33" s="16">
        <v>2004</v>
      </c>
      <c r="J33" s="22">
        <v>1054</v>
      </c>
      <c r="K33" s="22">
        <v>950</v>
      </c>
    </row>
    <row r="34" spans="1:11" ht="15" customHeight="1">
      <c r="A34" s="20" t="s">
        <v>63</v>
      </c>
      <c r="B34" s="20"/>
      <c r="C34" s="16">
        <v>1500</v>
      </c>
      <c r="D34" s="22">
        <v>755</v>
      </c>
      <c r="E34" s="22">
        <v>745</v>
      </c>
      <c r="F34" s="22"/>
      <c r="G34" s="21" t="s">
        <v>64</v>
      </c>
      <c r="H34" s="20"/>
      <c r="I34" s="16">
        <v>1934</v>
      </c>
      <c r="J34" s="22">
        <v>1026</v>
      </c>
      <c r="K34" s="22">
        <v>908</v>
      </c>
    </row>
    <row r="35" spans="1:11" ht="20.100000000000001" customHeight="1">
      <c r="A35" s="20" t="s">
        <v>65</v>
      </c>
      <c r="B35" s="20"/>
      <c r="C35" s="16">
        <v>7733</v>
      </c>
      <c r="D35" s="17">
        <v>4014</v>
      </c>
      <c r="E35" s="17">
        <v>3719</v>
      </c>
      <c r="F35" s="17"/>
      <c r="G35" s="21" t="s">
        <v>66</v>
      </c>
      <c r="H35" s="20"/>
      <c r="I35" s="16">
        <v>6927</v>
      </c>
      <c r="J35" s="17">
        <v>3563</v>
      </c>
      <c r="K35" s="17">
        <v>3364</v>
      </c>
    </row>
    <row r="36" spans="1:11" ht="15" customHeight="1">
      <c r="A36" s="20" t="s">
        <v>67</v>
      </c>
      <c r="B36" s="20"/>
      <c r="C36" s="16">
        <v>1527</v>
      </c>
      <c r="D36" s="22">
        <v>794</v>
      </c>
      <c r="E36" s="22">
        <v>733</v>
      </c>
      <c r="F36" s="22"/>
      <c r="G36" s="21" t="s">
        <v>68</v>
      </c>
      <c r="H36" s="20"/>
      <c r="I36" s="16">
        <v>1994</v>
      </c>
      <c r="J36" s="22">
        <v>1059</v>
      </c>
      <c r="K36" s="22">
        <v>935</v>
      </c>
    </row>
    <row r="37" spans="1:11" ht="15" customHeight="1">
      <c r="A37" s="20" t="s">
        <v>69</v>
      </c>
      <c r="B37" s="20"/>
      <c r="C37" s="16">
        <v>1551</v>
      </c>
      <c r="D37" s="22">
        <v>811</v>
      </c>
      <c r="E37" s="22">
        <v>740</v>
      </c>
      <c r="F37" s="22"/>
      <c r="G37" s="21" t="s">
        <v>70</v>
      </c>
      <c r="H37" s="20"/>
      <c r="I37" s="16">
        <v>1244</v>
      </c>
      <c r="J37" s="22">
        <v>671</v>
      </c>
      <c r="K37" s="22">
        <v>573</v>
      </c>
    </row>
    <row r="38" spans="1:11" ht="15" customHeight="1">
      <c r="A38" s="20" t="s">
        <v>71</v>
      </c>
      <c r="B38" s="20"/>
      <c r="C38" s="16">
        <v>1627</v>
      </c>
      <c r="D38" s="22">
        <v>863</v>
      </c>
      <c r="E38" s="22">
        <v>764</v>
      </c>
      <c r="F38" s="22"/>
      <c r="G38" s="21" t="s">
        <v>72</v>
      </c>
      <c r="H38" s="20"/>
      <c r="I38" s="16">
        <v>1156</v>
      </c>
      <c r="J38" s="22">
        <v>568</v>
      </c>
      <c r="K38" s="22">
        <v>588</v>
      </c>
    </row>
    <row r="39" spans="1:11" ht="15" customHeight="1">
      <c r="A39" s="20" t="s">
        <v>73</v>
      </c>
      <c r="B39" s="20"/>
      <c r="C39" s="16">
        <v>1565</v>
      </c>
      <c r="D39" s="22">
        <v>802</v>
      </c>
      <c r="E39" s="22">
        <v>763</v>
      </c>
      <c r="F39" s="22"/>
      <c r="G39" s="21" t="s">
        <v>74</v>
      </c>
      <c r="H39" s="20"/>
      <c r="I39" s="16">
        <v>1244</v>
      </c>
      <c r="J39" s="22">
        <v>632</v>
      </c>
      <c r="K39" s="22">
        <v>612</v>
      </c>
    </row>
    <row r="40" spans="1:11" ht="15" customHeight="1">
      <c r="A40" s="20" t="s">
        <v>75</v>
      </c>
      <c r="B40" s="20"/>
      <c r="C40" s="16">
        <v>1463</v>
      </c>
      <c r="D40" s="22">
        <v>744</v>
      </c>
      <c r="E40" s="22">
        <v>719</v>
      </c>
      <c r="F40" s="22"/>
      <c r="G40" s="21" t="s">
        <v>76</v>
      </c>
      <c r="H40" s="20"/>
      <c r="I40" s="16">
        <v>1289</v>
      </c>
      <c r="J40" s="22">
        <v>633</v>
      </c>
      <c r="K40" s="22">
        <v>656</v>
      </c>
    </row>
    <row r="41" spans="1:11" ht="20.100000000000001" customHeight="1">
      <c r="A41" s="20" t="s">
        <v>77</v>
      </c>
      <c r="B41" s="20"/>
      <c r="C41" s="16">
        <v>7591</v>
      </c>
      <c r="D41" s="17">
        <v>3833</v>
      </c>
      <c r="E41" s="17">
        <v>3758</v>
      </c>
      <c r="F41" s="17"/>
      <c r="G41" s="21" t="s">
        <v>78</v>
      </c>
      <c r="H41" s="20"/>
      <c r="I41" s="16">
        <v>4844</v>
      </c>
      <c r="J41" s="17">
        <v>2182</v>
      </c>
      <c r="K41" s="17">
        <v>2662</v>
      </c>
    </row>
    <row r="42" spans="1:11" ht="15" customHeight="1">
      <c r="A42" s="20" t="s">
        <v>79</v>
      </c>
      <c r="B42" s="20"/>
      <c r="C42" s="16">
        <v>1434</v>
      </c>
      <c r="D42" s="22">
        <v>766</v>
      </c>
      <c r="E42" s="22">
        <v>668</v>
      </c>
      <c r="F42" s="22"/>
      <c r="G42" s="21" t="s">
        <v>80</v>
      </c>
      <c r="H42" s="20"/>
      <c r="I42" s="16">
        <v>1197</v>
      </c>
      <c r="J42" s="22">
        <v>595</v>
      </c>
      <c r="K42" s="22">
        <v>602</v>
      </c>
    </row>
    <row r="43" spans="1:11" ht="15" customHeight="1">
      <c r="A43" s="20" t="s">
        <v>81</v>
      </c>
      <c r="B43" s="20"/>
      <c r="C43" s="16">
        <v>1499</v>
      </c>
      <c r="D43" s="22">
        <v>760</v>
      </c>
      <c r="E43" s="22">
        <v>739</v>
      </c>
      <c r="F43" s="22"/>
      <c r="G43" s="21" t="s">
        <v>82</v>
      </c>
      <c r="H43" s="20"/>
      <c r="I43" s="16">
        <v>1122</v>
      </c>
      <c r="J43" s="22">
        <v>536</v>
      </c>
      <c r="K43" s="22">
        <v>586</v>
      </c>
    </row>
    <row r="44" spans="1:11" ht="15" customHeight="1">
      <c r="A44" s="20" t="s">
        <v>83</v>
      </c>
      <c r="B44" s="20"/>
      <c r="C44" s="16">
        <v>1522</v>
      </c>
      <c r="D44" s="22">
        <v>776</v>
      </c>
      <c r="E44" s="22">
        <v>746</v>
      </c>
      <c r="F44" s="22"/>
      <c r="G44" s="21" t="s">
        <v>84</v>
      </c>
      <c r="H44" s="20"/>
      <c r="I44" s="16">
        <v>990</v>
      </c>
      <c r="J44" s="22">
        <v>440</v>
      </c>
      <c r="K44" s="22">
        <v>550</v>
      </c>
    </row>
    <row r="45" spans="1:11" ht="15" customHeight="1">
      <c r="A45" s="20" t="s">
        <v>85</v>
      </c>
      <c r="B45" s="20"/>
      <c r="C45" s="16">
        <v>1516</v>
      </c>
      <c r="D45" s="22">
        <v>729</v>
      </c>
      <c r="E45" s="22">
        <v>787</v>
      </c>
      <c r="F45" s="22"/>
      <c r="G45" s="21" t="s">
        <v>86</v>
      </c>
      <c r="H45" s="20"/>
      <c r="I45" s="16">
        <v>821</v>
      </c>
      <c r="J45" s="22">
        <v>330</v>
      </c>
      <c r="K45" s="22">
        <v>491</v>
      </c>
    </row>
    <row r="46" spans="1:11" ht="15" customHeight="1">
      <c r="A46" s="20" t="s">
        <v>87</v>
      </c>
      <c r="B46" s="20"/>
      <c r="C46" s="16">
        <v>1620</v>
      </c>
      <c r="D46" s="22">
        <v>802</v>
      </c>
      <c r="E46" s="22">
        <v>818</v>
      </c>
      <c r="F46" s="22"/>
      <c r="G46" s="21" t="s">
        <v>88</v>
      </c>
      <c r="H46" s="20"/>
      <c r="I46" s="16">
        <v>714</v>
      </c>
      <c r="J46" s="22">
        <v>281</v>
      </c>
      <c r="K46" s="22">
        <v>433</v>
      </c>
    </row>
    <row r="47" spans="1:11" ht="20.100000000000001" customHeight="1">
      <c r="A47" s="20" t="s">
        <v>89</v>
      </c>
      <c r="B47" s="20"/>
      <c r="C47" s="16">
        <v>8299</v>
      </c>
      <c r="D47" s="17">
        <v>4126</v>
      </c>
      <c r="E47" s="17">
        <v>4173</v>
      </c>
      <c r="F47" s="17"/>
      <c r="G47" s="21" t="s">
        <v>90</v>
      </c>
      <c r="H47" s="20"/>
      <c r="I47" s="16">
        <v>3359</v>
      </c>
      <c r="J47" s="17">
        <v>1231</v>
      </c>
      <c r="K47" s="17">
        <v>2128</v>
      </c>
    </row>
    <row r="48" spans="1:11" ht="15" customHeight="1">
      <c r="A48" s="20" t="s">
        <v>91</v>
      </c>
      <c r="B48" s="20"/>
      <c r="C48" s="16">
        <v>1602</v>
      </c>
      <c r="D48" s="22">
        <v>829</v>
      </c>
      <c r="E48" s="22">
        <v>773</v>
      </c>
      <c r="F48" s="22"/>
      <c r="G48" s="21" t="s">
        <v>92</v>
      </c>
      <c r="H48" s="20"/>
      <c r="I48" s="16">
        <v>808</v>
      </c>
      <c r="J48" s="22">
        <v>313</v>
      </c>
      <c r="K48" s="22">
        <v>495</v>
      </c>
    </row>
    <row r="49" spans="1:11" ht="15" customHeight="1">
      <c r="A49" s="20" t="s">
        <v>93</v>
      </c>
      <c r="B49" s="20"/>
      <c r="C49" s="16">
        <v>1566</v>
      </c>
      <c r="D49" s="22">
        <v>748</v>
      </c>
      <c r="E49" s="22">
        <v>818</v>
      </c>
      <c r="F49" s="22"/>
      <c r="G49" s="21" t="s">
        <v>94</v>
      </c>
      <c r="H49" s="20"/>
      <c r="I49" s="16">
        <v>705</v>
      </c>
      <c r="J49" s="22">
        <v>248</v>
      </c>
      <c r="K49" s="22">
        <v>457</v>
      </c>
    </row>
    <row r="50" spans="1:11" ht="15" customHeight="1">
      <c r="A50" s="20" t="s">
        <v>95</v>
      </c>
      <c r="B50" s="20"/>
      <c r="C50" s="16">
        <v>1611</v>
      </c>
      <c r="D50" s="22">
        <v>779</v>
      </c>
      <c r="E50" s="22">
        <v>832</v>
      </c>
      <c r="F50" s="22"/>
      <c r="G50" s="21" t="s">
        <v>96</v>
      </c>
      <c r="H50" s="20"/>
      <c r="I50" s="16">
        <v>723</v>
      </c>
      <c r="J50" s="22">
        <v>286</v>
      </c>
      <c r="K50" s="22">
        <v>437</v>
      </c>
    </row>
    <row r="51" spans="1:11" ht="15" customHeight="1">
      <c r="A51" s="20" t="s">
        <v>97</v>
      </c>
      <c r="B51" s="20"/>
      <c r="C51" s="16">
        <v>1704</v>
      </c>
      <c r="D51" s="22">
        <v>893</v>
      </c>
      <c r="E51" s="22">
        <v>811</v>
      </c>
      <c r="F51" s="22"/>
      <c r="G51" s="21" t="s">
        <v>98</v>
      </c>
      <c r="H51" s="20"/>
      <c r="I51" s="16">
        <v>576</v>
      </c>
      <c r="J51" s="22">
        <v>202</v>
      </c>
      <c r="K51" s="22">
        <v>374</v>
      </c>
    </row>
    <row r="52" spans="1:11" ht="15" customHeight="1">
      <c r="A52" s="20" t="s">
        <v>99</v>
      </c>
      <c r="B52" s="20"/>
      <c r="C52" s="16">
        <v>1816</v>
      </c>
      <c r="D52" s="22">
        <v>877</v>
      </c>
      <c r="E52" s="22">
        <v>939</v>
      </c>
      <c r="F52" s="22"/>
      <c r="G52" s="21" t="s">
        <v>100</v>
      </c>
      <c r="H52" s="20"/>
      <c r="I52" s="16">
        <v>547</v>
      </c>
      <c r="J52" s="22">
        <v>182</v>
      </c>
      <c r="K52" s="22">
        <v>365</v>
      </c>
    </row>
    <row r="53" spans="1:11" ht="20.100000000000001" customHeight="1">
      <c r="A53" s="20" t="s">
        <v>101</v>
      </c>
      <c r="B53" s="20"/>
      <c r="C53" s="16">
        <v>10001</v>
      </c>
      <c r="D53" s="17">
        <v>5037</v>
      </c>
      <c r="E53" s="17">
        <v>4964</v>
      </c>
      <c r="F53" s="17"/>
      <c r="G53" s="21" t="s">
        <v>102</v>
      </c>
      <c r="H53" s="20"/>
      <c r="I53" s="16">
        <v>1671</v>
      </c>
      <c r="J53" s="17">
        <v>490</v>
      </c>
      <c r="K53" s="17">
        <v>1181</v>
      </c>
    </row>
    <row r="54" spans="1:11" ht="15" customHeight="1">
      <c r="A54" s="20" t="s">
        <v>103</v>
      </c>
      <c r="B54" s="20"/>
      <c r="C54" s="16">
        <v>1919</v>
      </c>
      <c r="D54" s="22">
        <v>974</v>
      </c>
      <c r="E54" s="22">
        <v>945</v>
      </c>
      <c r="F54" s="22"/>
      <c r="G54" s="21" t="s">
        <v>104</v>
      </c>
      <c r="H54" s="20"/>
      <c r="I54" s="16">
        <v>481</v>
      </c>
      <c r="J54" s="22">
        <v>167</v>
      </c>
      <c r="K54" s="22">
        <v>314</v>
      </c>
    </row>
    <row r="55" spans="1:11" ht="15" customHeight="1">
      <c r="A55" s="20" t="s">
        <v>105</v>
      </c>
      <c r="B55" s="20"/>
      <c r="C55" s="16">
        <v>1871</v>
      </c>
      <c r="D55" s="22">
        <v>976</v>
      </c>
      <c r="E55" s="22">
        <v>895</v>
      </c>
      <c r="F55" s="22"/>
      <c r="G55" s="21" t="s">
        <v>106</v>
      </c>
      <c r="H55" s="20"/>
      <c r="I55" s="16">
        <v>371</v>
      </c>
      <c r="J55" s="22">
        <v>114</v>
      </c>
      <c r="K55" s="22">
        <v>257</v>
      </c>
    </row>
    <row r="56" spans="1:11" ht="15" customHeight="1">
      <c r="A56" s="20" t="s">
        <v>107</v>
      </c>
      <c r="B56" s="20"/>
      <c r="C56" s="16">
        <v>2017</v>
      </c>
      <c r="D56" s="22">
        <v>979</v>
      </c>
      <c r="E56" s="22">
        <v>1038</v>
      </c>
      <c r="F56" s="22"/>
      <c r="G56" s="21" t="s">
        <v>108</v>
      </c>
      <c r="H56" s="20"/>
      <c r="I56" s="16">
        <v>321</v>
      </c>
      <c r="J56" s="22">
        <v>89</v>
      </c>
      <c r="K56" s="22">
        <v>232</v>
      </c>
    </row>
    <row r="57" spans="1:11" ht="15" customHeight="1">
      <c r="A57" s="20" t="s">
        <v>109</v>
      </c>
      <c r="B57" s="20"/>
      <c r="C57" s="16">
        <v>2049</v>
      </c>
      <c r="D57" s="22">
        <v>1050</v>
      </c>
      <c r="E57" s="22">
        <v>999</v>
      </c>
      <c r="F57" s="22"/>
      <c r="G57" s="21" t="s">
        <v>110</v>
      </c>
      <c r="H57" s="20"/>
      <c r="I57" s="16">
        <v>271</v>
      </c>
      <c r="J57" s="22">
        <v>61</v>
      </c>
      <c r="K57" s="22">
        <v>210</v>
      </c>
    </row>
    <row r="58" spans="1:11" ht="15" customHeight="1">
      <c r="A58" s="20" t="s">
        <v>111</v>
      </c>
      <c r="B58" s="20"/>
      <c r="C58" s="16">
        <v>2145</v>
      </c>
      <c r="D58" s="22">
        <v>1058</v>
      </c>
      <c r="E58" s="22">
        <v>1087</v>
      </c>
      <c r="F58" s="22"/>
      <c r="G58" s="21" t="s">
        <v>112</v>
      </c>
      <c r="H58" s="20"/>
      <c r="I58" s="16">
        <v>227</v>
      </c>
      <c r="J58" s="22">
        <v>59</v>
      </c>
      <c r="K58" s="22">
        <v>168</v>
      </c>
    </row>
    <row r="59" spans="1:11" ht="20.100000000000001" customHeight="1">
      <c r="A59" s="20" t="s">
        <v>113</v>
      </c>
      <c r="B59" s="20"/>
      <c r="C59" s="16">
        <v>12366</v>
      </c>
      <c r="D59" s="17">
        <v>6309</v>
      </c>
      <c r="E59" s="17">
        <v>6057</v>
      </c>
      <c r="F59" s="17"/>
      <c r="G59" s="21" t="s">
        <v>114</v>
      </c>
      <c r="H59" s="20"/>
      <c r="I59" s="16">
        <v>368</v>
      </c>
      <c r="J59" s="17">
        <v>81</v>
      </c>
      <c r="K59" s="17">
        <v>287</v>
      </c>
    </row>
    <row r="60" spans="1:11" ht="15" customHeight="1">
      <c r="A60" s="20" t="s">
        <v>115</v>
      </c>
      <c r="B60" s="20"/>
      <c r="C60" s="16">
        <v>2340</v>
      </c>
      <c r="D60" s="22">
        <v>1226</v>
      </c>
      <c r="E60" s="22">
        <v>1114</v>
      </c>
      <c r="F60" s="22"/>
      <c r="G60" s="21" t="s">
        <v>116</v>
      </c>
      <c r="H60" s="20"/>
      <c r="I60" s="16">
        <v>113</v>
      </c>
      <c r="J60" s="22">
        <v>28</v>
      </c>
      <c r="K60" s="22">
        <v>85</v>
      </c>
    </row>
    <row r="61" spans="1:11" ht="15" customHeight="1">
      <c r="A61" s="20" t="s">
        <v>117</v>
      </c>
      <c r="B61" s="20"/>
      <c r="C61" s="16">
        <v>2356</v>
      </c>
      <c r="D61" s="22">
        <v>1188</v>
      </c>
      <c r="E61" s="22">
        <v>1168</v>
      </c>
      <c r="F61" s="22"/>
      <c r="G61" s="21" t="s">
        <v>118</v>
      </c>
      <c r="H61" s="20"/>
      <c r="I61" s="16">
        <v>91</v>
      </c>
      <c r="J61" s="22">
        <v>19</v>
      </c>
      <c r="K61" s="22">
        <v>72</v>
      </c>
    </row>
    <row r="62" spans="1:11" ht="15" customHeight="1">
      <c r="A62" s="20" t="s">
        <v>119</v>
      </c>
      <c r="B62" s="20"/>
      <c r="C62" s="16">
        <v>2377</v>
      </c>
      <c r="D62" s="22">
        <v>1160</v>
      </c>
      <c r="E62" s="22">
        <v>1217</v>
      </c>
      <c r="F62" s="22"/>
      <c r="G62" s="21" t="s">
        <v>120</v>
      </c>
      <c r="H62" s="20"/>
      <c r="I62" s="16">
        <v>81</v>
      </c>
      <c r="J62" s="22">
        <v>20</v>
      </c>
      <c r="K62" s="22">
        <v>61</v>
      </c>
    </row>
    <row r="63" spans="1:11" ht="15" customHeight="1">
      <c r="A63" s="20" t="s">
        <v>121</v>
      </c>
      <c r="B63" s="20"/>
      <c r="C63" s="16">
        <v>2543</v>
      </c>
      <c r="D63" s="22">
        <v>1309</v>
      </c>
      <c r="E63" s="22">
        <v>1234</v>
      </c>
      <c r="F63" s="22"/>
      <c r="G63" s="21" t="s">
        <v>122</v>
      </c>
      <c r="H63" s="20"/>
      <c r="I63" s="16">
        <v>44</v>
      </c>
      <c r="J63" s="22">
        <v>9</v>
      </c>
      <c r="K63" s="22">
        <v>35</v>
      </c>
    </row>
    <row r="64" spans="1:11" ht="15" customHeight="1">
      <c r="A64" s="20" t="s">
        <v>123</v>
      </c>
      <c r="B64" s="20"/>
      <c r="C64" s="16">
        <v>2750</v>
      </c>
      <c r="D64" s="22">
        <v>1426</v>
      </c>
      <c r="E64" s="22">
        <v>1324</v>
      </c>
      <c r="F64" s="22"/>
      <c r="G64" s="21" t="s">
        <v>124</v>
      </c>
      <c r="H64" s="20"/>
      <c r="I64" s="16">
        <v>39</v>
      </c>
      <c r="J64" s="22">
        <v>5</v>
      </c>
      <c r="K64" s="22">
        <v>3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54</v>
      </c>
      <c r="J65" s="22">
        <v>0</v>
      </c>
      <c r="K65" s="22">
        <v>54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9888</v>
      </c>
      <c r="J66" s="32">
        <v>4600</v>
      </c>
      <c r="K66" s="32">
        <v>5288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1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59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7207</v>
      </c>
      <c r="D4" s="17">
        <v>8458</v>
      </c>
      <c r="E4" s="17">
        <v>8749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578</v>
      </c>
      <c r="D5" s="17">
        <v>296</v>
      </c>
      <c r="E5" s="17">
        <v>282</v>
      </c>
      <c r="F5" s="17"/>
      <c r="G5" s="21" t="s">
        <v>6</v>
      </c>
      <c r="H5" s="20"/>
      <c r="I5" s="16">
        <v>1471</v>
      </c>
      <c r="J5" s="17">
        <v>779</v>
      </c>
      <c r="K5" s="17">
        <v>692</v>
      </c>
    </row>
    <row r="6" spans="1:11" ht="15" customHeight="1">
      <c r="A6" s="20" t="s">
        <v>7</v>
      </c>
      <c r="B6" s="20"/>
      <c r="C6" s="16">
        <v>105</v>
      </c>
      <c r="D6" s="22">
        <v>47</v>
      </c>
      <c r="E6" s="22">
        <v>58</v>
      </c>
      <c r="F6" s="22"/>
      <c r="G6" s="21" t="s">
        <v>8</v>
      </c>
      <c r="H6" s="20"/>
      <c r="I6" s="16">
        <v>298</v>
      </c>
      <c r="J6" s="22">
        <v>161</v>
      </c>
      <c r="K6" s="22">
        <v>137</v>
      </c>
    </row>
    <row r="7" spans="1:11" ht="15" customHeight="1">
      <c r="A7" s="20" t="s">
        <v>9</v>
      </c>
      <c r="B7" s="20"/>
      <c r="C7" s="16">
        <v>127</v>
      </c>
      <c r="D7" s="22">
        <v>67</v>
      </c>
      <c r="E7" s="22">
        <v>60</v>
      </c>
      <c r="F7" s="22"/>
      <c r="G7" s="21" t="s">
        <v>10</v>
      </c>
      <c r="H7" s="20"/>
      <c r="I7" s="16">
        <v>306</v>
      </c>
      <c r="J7" s="22">
        <v>157</v>
      </c>
      <c r="K7" s="22">
        <v>149</v>
      </c>
    </row>
    <row r="8" spans="1:11" ht="15" customHeight="1">
      <c r="A8" s="20" t="s">
        <v>11</v>
      </c>
      <c r="B8" s="20"/>
      <c r="C8" s="16">
        <v>95</v>
      </c>
      <c r="D8" s="22">
        <v>52</v>
      </c>
      <c r="E8" s="22">
        <v>43</v>
      </c>
      <c r="F8" s="22"/>
      <c r="G8" s="21" t="s">
        <v>12</v>
      </c>
      <c r="H8" s="20"/>
      <c r="I8" s="16">
        <v>313</v>
      </c>
      <c r="J8" s="22">
        <v>176</v>
      </c>
      <c r="K8" s="22">
        <v>137</v>
      </c>
    </row>
    <row r="9" spans="1:11" ht="15" customHeight="1">
      <c r="A9" s="20" t="s">
        <v>13</v>
      </c>
      <c r="B9" s="20"/>
      <c r="C9" s="16">
        <v>121</v>
      </c>
      <c r="D9" s="22">
        <v>59</v>
      </c>
      <c r="E9" s="22">
        <v>62</v>
      </c>
      <c r="F9" s="22"/>
      <c r="G9" s="21" t="s">
        <v>14</v>
      </c>
      <c r="H9" s="20"/>
      <c r="I9" s="16">
        <v>279</v>
      </c>
      <c r="J9" s="22">
        <v>144</v>
      </c>
      <c r="K9" s="22">
        <v>135</v>
      </c>
    </row>
    <row r="10" spans="1:11" ht="15" customHeight="1">
      <c r="A10" s="20" t="s">
        <v>15</v>
      </c>
      <c r="B10" s="20"/>
      <c r="C10" s="16">
        <v>130</v>
      </c>
      <c r="D10" s="22">
        <v>71</v>
      </c>
      <c r="E10" s="22">
        <v>59</v>
      </c>
      <c r="F10" s="22"/>
      <c r="G10" s="21" t="s">
        <v>16</v>
      </c>
      <c r="H10" s="20"/>
      <c r="I10" s="16">
        <v>275</v>
      </c>
      <c r="J10" s="22">
        <v>141</v>
      </c>
      <c r="K10" s="22">
        <v>134</v>
      </c>
    </row>
    <row r="11" spans="1:11" ht="20.100000000000001" customHeight="1">
      <c r="A11" s="20" t="s">
        <v>17</v>
      </c>
      <c r="B11" s="20"/>
      <c r="C11" s="16">
        <v>598</v>
      </c>
      <c r="D11" s="17">
        <v>313</v>
      </c>
      <c r="E11" s="17">
        <v>285</v>
      </c>
      <c r="F11" s="17"/>
      <c r="G11" s="21" t="s">
        <v>18</v>
      </c>
      <c r="H11" s="20"/>
      <c r="I11" s="16">
        <v>1151</v>
      </c>
      <c r="J11" s="17">
        <v>593</v>
      </c>
      <c r="K11" s="17">
        <v>558</v>
      </c>
    </row>
    <row r="12" spans="1:11" ht="15" customHeight="1">
      <c r="A12" s="20" t="s">
        <v>19</v>
      </c>
      <c r="B12" s="20"/>
      <c r="C12" s="16">
        <v>114</v>
      </c>
      <c r="D12" s="22">
        <v>47</v>
      </c>
      <c r="E12" s="22">
        <v>67</v>
      </c>
      <c r="F12" s="22"/>
      <c r="G12" s="21" t="s">
        <v>20</v>
      </c>
      <c r="H12" s="20"/>
      <c r="I12" s="16">
        <v>264</v>
      </c>
      <c r="J12" s="22">
        <v>135</v>
      </c>
      <c r="K12" s="22">
        <v>129</v>
      </c>
    </row>
    <row r="13" spans="1:11" ht="15" customHeight="1">
      <c r="A13" s="20" t="s">
        <v>21</v>
      </c>
      <c r="B13" s="20"/>
      <c r="C13" s="16">
        <v>138</v>
      </c>
      <c r="D13" s="22">
        <v>84</v>
      </c>
      <c r="E13" s="22">
        <v>54</v>
      </c>
      <c r="F13" s="22"/>
      <c r="G13" s="21" t="s">
        <v>22</v>
      </c>
      <c r="H13" s="20"/>
      <c r="I13" s="16">
        <v>191</v>
      </c>
      <c r="J13" s="22">
        <v>92</v>
      </c>
      <c r="K13" s="22">
        <v>99</v>
      </c>
    </row>
    <row r="14" spans="1:11" ht="15" customHeight="1">
      <c r="A14" s="20" t="s">
        <v>23</v>
      </c>
      <c r="B14" s="20"/>
      <c r="C14" s="16">
        <v>111</v>
      </c>
      <c r="D14" s="22">
        <v>62</v>
      </c>
      <c r="E14" s="22">
        <v>49</v>
      </c>
      <c r="F14" s="22"/>
      <c r="G14" s="21" t="s">
        <v>24</v>
      </c>
      <c r="H14" s="20"/>
      <c r="I14" s="16">
        <v>249</v>
      </c>
      <c r="J14" s="22">
        <v>135</v>
      </c>
      <c r="K14" s="22">
        <v>114</v>
      </c>
    </row>
    <row r="15" spans="1:11" ht="15" customHeight="1">
      <c r="A15" s="20" t="s">
        <v>25</v>
      </c>
      <c r="B15" s="20"/>
      <c r="C15" s="16">
        <v>127</v>
      </c>
      <c r="D15" s="22">
        <v>67</v>
      </c>
      <c r="E15" s="22">
        <v>60</v>
      </c>
      <c r="F15" s="22"/>
      <c r="G15" s="21" t="s">
        <v>26</v>
      </c>
      <c r="H15" s="20"/>
      <c r="I15" s="16">
        <v>235</v>
      </c>
      <c r="J15" s="22">
        <v>127</v>
      </c>
      <c r="K15" s="22">
        <v>108</v>
      </c>
    </row>
    <row r="16" spans="1:11" ht="15" customHeight="1">
      <c r="A16" s="20" t="s">
        <v>27</v>
      </c>
      <c r="B16" s="20"/>
      <c r="C16" s="16">
        <v>108</v>
      </c>
      <c r="D16" s="22">
        <v>53</v>
      </c>
      <c r="E16" s="22">
        <v>55</v>
      </c>
      <c r="F16" s="22"/>
      <c r="G16" s="21" t="s">
        <v>28</v>
      </c>
      <c r="H16" s="20"/>
      <c r="I16" s="16">
        <v>212</v>
      </c>
      <c r="J16" s="22">
        <v>104</v>
      </c>
      <c r="K16" s="22">
        <v>108</v>
      </c>
    </row>
    <row r="17" spans="1:11" ht="20.100000000000001" customHeight="1">
      <c r="A17" s="24" t="s">
        <v>29</v>
      </c>
      <c r="B17" s="24"/>
      <c r="C17" s="16">
        <v>769</v>
      </c>
      <c r="D17" s="17">
        <v>358</v>
      </c>
      <c r="E17" s="17">
        <v>411</v>
      </c>
      <c r="F17" s="17"/>
      <c r="G17" s="21" t="s">
        <v>30</v>
      </c>
      <c r="H17" s="20"/>
      <c r="I17" s="16">
        <v>943</v>
      </c>
      <c r="J17" s="17">
        <v>488</v>
      </c>
      <c r="K17" s="17">
        <v>455</v>
      </c>
    </row>
    <row r="18" spans="1:11" ht="15" customHeight="1">
      <c r="A18" s="20" t="s">
        <v>31</v>
      </c>
      <c r="B18" s="20"/>
      <c r="C18" s="16">
        <v>135</v>
      </c>
      <c r="D18" s="22">
        <v>63</v>
      </c>
      <c r="E18" s="22">
        <v>72</v>
      </c>
      <c r="F18" s="22"/>
      <c r="G18" s="21" t="s">
        <v>32</v>
      </c>
      <c r="H18" s="20"/>
      <c r="I18" s="16">
        <v>203</v>
      </c>
      <c r="J18" s="22">
        <v>105</v>
      </c>
      <c r="K18" s="22">
        <v>98</v>
      </c>
    </row>
    <row r="19" spans="1:11" ht="15" customHeight="1">
      <c r="A19" s="20" t="s">
        <v>33</v>
      </c>
      <c r="B19" s="20"/>
      <c r="C19" s="16">
        <v>168</v>
      </c>
      <c r="D19" s="22">
        <v>80</v>
      </c>
      <c r="E19" s="22">
        <v>88</v>
      </c>
      <c r="F19" s="22"/>
      <c r="G19" s="21" t="s">
        <v>34</v>
      </c>
      <c r="H19" s="20"/>
      <c r="I19" s="16">
        <v>186</v>
      </c>
      <c r="J19" s="22">
        <v>87</v>
      </c>
      <c r="K19" s="22">
        <v>99</v>
      </c>
    </row>
    <row r="20" spans="1:11" ht="15" customHeight="1">
      <c r="A20" s="20" t="s">
        <v>35</v>
      </c>
      <c r="B20" s="20"/>
      <c r="C20" s="16">
        <v>149</v>
      </c>
      <c r="D20" s="22">
        <v>71</v>
      </c>
      <c r="E20" s="22">
        <v>78</v>
      </c>
      <c r="F20" s="22"/>
      <c r="G20" s="21" t="s">
        <v>36</v>
      </c>
      <c r="H20" s="20"/>
      <c r="I20" s="16">
        <v>205</v>
      </c>
      <c r="J20" s="22">
        <v>100</v>
      </c>
      <c r="K20" s="22">
        <v>105</v>
      </c>
    </row>
    <row r="21" spans="1:11" ht="15" customHeight="1">
      <c r="A21" s="20" t="s">
        <v>37</v>
      </c>
      <c r="B21" s="20"/>
      <c r="C21" s="16">
        <v>157</v>
      </c>
      <c r="D21" s="22">
        <v>70</v>
      </c>
      <c r="E21" s="22">
        <v>87</v>
      </c>
      <c r="F21" s="22"/>
      <c r="G21" s="21" t="s">
        <v>38</v>
      </c>
      <c r="H21" s="20"/>
      <c r="I21" s="16">
        <v>174</v>
      </c>
      <c r="J21" s="22">
        <v>100</v>
      </c>
      <c r="K21" s="22">
        <v>74</v>
      </c>
    </row>
    <row r="22" spans="1:11" ht="15" customHeight="1">
      <c r="A22" s="20" t="s">
        <v>39</v>
      </c>
      <c r="B22" s="20"/>
      <c r="C22" s="16">
        <v>160</v>
      </c>
      <c r="D22" s="22">
        <v>74</v>
      </c>
      <c r="E22" s="22">
        <v>86</v>
      </c>
      <c r="F22" s="22"/>
      <c r="G22" s="21" t="s">
        <v>40</v>
      </c>
      <c r="H22" s="20"/>
      <c r="I22" s="16">
        <v>175</v>
      </c>
      <c r="J22" s="22">
        <v>96</v>
      </c>
      <c r="K22" s="22">
        <v>79</v>
      </c>
    </row>
    <row r="23" spans="1:11" ht="20.100000000000001" customHeight="1">
      <c r="A23" s="20" t="s">
        <v>41</v>
      </c>
      <c r="B23" s="20"/>
      <c r="C23" s="16">
        <v>906</v>
      </c>
      <c r="D23" s="17">
        <v>475</v>
      </c>
      <c r="E23" s="17">
        <v>431</v>
      </c>
      <c r="F23" s="17"/>
      <c r="G23" s="21" t="s">
        <v>42</v>
      </c>
      <c r="H23" s="20"/>
      <c r="I23" s="16">
        <v>971</v>
      </c>
      <c r="J23" s="17">
        <v>468</v>
      </c>
      <c r="K23" s="17">
        <v>503</v>
      </c>
    </row>
    <row r="24" spans="1:11" ht="15" customHeight="1">
      <c r="A24" s="20" t="s">
        <v>43</v>
      </c>
      <c r="B24" s="20"/>
      <c r="C24" s="16">
        <v>164</v>
      </c>
      <c r="D24" s="22">
        <v>85</v>
      </c>
      <c r="E24" s="22">
        <v>79</v>
      </c>
      <c r="F24" s="22"/>
      <c r="G24" s="21" t="s">
        <v>44</v>
      </c>
      <c r="H24" s="20"/>
      <c r="I24" s="16">
        <v>181</v>
      </c>
      <c r="J24" s="22">
        <v>90</v>
      </c>
      <c r="K24" s="22">
        <v>91</v>
      </c>
    </row>
    <row r="25" spans="1:11" ht="15" customHeight="1">
      <c r="A25" s="20" t="s">
        <v>45</v>
      </c>
      <c r="B25" s="20"/>
      <c r="C25" s="16">
        <v>195</v>
      </c>
      <c r="D25" s="22">
        <v>101</v>
      </c>
      <c r="E25" s="22">
        <v>94</v>
      </c>
      <c r="F25" s="22"/>
      <c r="G25" s="21" t="s">
        <v>46</v>
      </c>
      <c r="H25" s="20"/>
      <c r="I25" s="16">
        <v>168</v>
      </c>
      <c r="J25" s="22">
        <v>85</v>
      </c>
      <c r="K25" s="22">
        <v>83</v>
      </c>
    </row>
    <row r="26" spans="1:11" ht="15" customHeight="1">
      <c r="A26" s="20" t="s">
        <v>47</v>
      </c>
      <c r="B26" s="20"/>
      <c r="C26" s="16">
        <v>171</v>
      </c>
      <c r="D26" s="22">
        <v>96</v>
      </c>
      <c r="E26" s="22">
        <v>75</v>
      </c>
      <c r="F26" s="22"/>
      <c r="G26" s="21" t="s">
        <v>48</v>
      </c>
      <c r="H26" s="20"/>
      <c r="I26" s="16">
        <v>188</v>
      </c>
      <c r="J26" s="22">
        <v>102</v>
      </c>
      <c r="K26" s="22">
        <v>86</v>
      </c>
    </row>
    <row r="27" spans="1:11" ht="15" customHeight="1">
      <c r="A27" s="20" t="s">
        <v>49</v>
      </c>
      <c r="B27" s="20"/>
      <c r="C27" s="16">
        <v>193</v>
      </c>
      <c r="D27" s="22">
        <v>106</v>
      </c>
      <c r="E27" s="22">
        <v>87</v>
      </c>
      <c r="F27" s="22"/>
      <c r="G27" s="21" t="s">
        <v>50</v>
      </c>
      <c r="H27" s="20"/>
      <c r="I27" s="16">
        <v>223</v>
      </c>
      <c r="J27" s="22">
        <v>102</v>
      </c>
      <c r="K27" s="22">
        <v>121</v>
      </c>
    </row>
    <row r="28" spans="1:11" ht="15" customHeight="1">
      <c r="A28" s="20" t="s">
        <v>51</v>
      </c>
      <c r="B28" s="20"/>
      <c r="C28" s="16">
        <v>183</v>
      </c>
      <c r="D28" s="22">
        <v>87</v>
      </c>
      <c r="E28" s="22">
        <v>96</v>
      </c>
      <c r="F28" s="22"/>
      <c r="G28" s="21" t="s">
        <v>52</v>
      </c>
      <c r="H28" s="20"/>
      <c r="I28" s="16">
        <v>211</v>
      </c>
      <c r="J28" s="22">
        <v>89</v>
      </c>
      <c r="K28" s="22">
        <v>122</v>
      </c>
    </row>
    <row r="29" spans="1:11" ht="20.100000000000001" customHeight="1">
      <c r="A29" s="20" t="s">
        <v>53</v>
      </c>
      <c r="B29" s="20"/>
      <c r="C29" s="16">
        <v>855</v>
      </c>
      <c r="D29" s="17">
        <v>428</v>
      </c>
      <c r="E29" s="17">
        <v>427</v>
      </c>
      <c r="F29" s="17"/>
      <c r="G29" s="21" t="s">
        <v>54</v>
      </c>
      <c r="H29" s="20"/>
      <c r="I29" s="16">
        <v>1323</v>
      </c>
      <c r="J29" s="17">
        <v>626</v>
      </c>
      <c r="K29" s="17">
        <v>697</v>
      </c>
    </row>
    <row r="30" spans="1:11" ht="15" customHeight="1">
      <c r="A30" s="20" t="s">
        <v>55</v>
      </c>
      <c r="B30" s="20"/>
      <c r="C30" s="16">
        <v>178</v>
      </c>
      <c r="D30" s="22">
        <v>90</v>
      </c>
      <c r="E30" s="22">
        <v>88</v>
      </c>
      <c r="F30" s="22"/>
      <c r="G30" s="21" t="s">
        <v>56</v>
      </c>
      <c r="H30" s="20"/>
      <c r="I30" s="16">
        <v>234</v>
      </c>
      <c r="J30" s="22">
        <v>114</v>
      </c>
      <c r="K30" s="22">
        <v>120</v>
      </c>
    </row>
    <row r="31" spans="1:11" ht="15" customHeight="1">
      <c r="A31" s="20" t="s">
        <v>57</v>
      </c>
      <c r="B31" s="20"/>
      <c r="C31" s="16">
        <v>168</v>
      </c>
      <c r="D31" s="22">
        <v>81</v>
      </c>
      <c r="E31" s="22">
        <v>87</v>
      </c>
      <c r="F31" s="22"/>
      <c r="G31" s="21" t="s">
        <v>58</v>
      </c>
      <c r="H31" s="20"/>
      <c r="I31" s="16">
        <v>236</v>
      </c>
      <c r="J31" s="22">
        <v>120</v>
      </c>
      <c r="K31" s="22">
        <v>116</v>
      </c>
    </row>
    <row r="32" spans="1:11" ht="15" customHeight="1">
      <c r="A32" s="20" t="s">
        <v>59</v>
      </c>
      <c r="B32" s="20"/>
      <c r="C32" s="16">
        <v>192</v>
      </c>
      <c r="D32" s="22">
        <v>104</v>
      </c>
      <c r="E32" s="22">
        <v>88</v>
      </c>
      <c r="F32" s="22"/>
      <c r="G32" s="21" t="s">
        <v>60</v>
      </c>
      <c r="H32" s="20"/>
      <c r="I32" s="16">
        <v>252</v>
      </c>
      <c r="J32" s="22">
        <v>117</v>
      </c>
      <c r="K32" s="22">
        <v>135</v>
      </c>
    </row>
    <row r="33" spans="1:11" ht="15" customHeight="1">
      <c r="A33" s="20" t="s">
        <v>61</v>
      </c>
      <c r="B33" s="20"/>
      <c r="C33" s="16">
        <v>164</v>
      </c>
      <c r="D33" s="22">
        <v>82</v>
      </c>
      <c r="E33" s="22">
        <v>82</v>
      </c>
      <c r="F33" s="22"/>
      <c r="G33" s="21" t="s">
        <v>62</v>
      </c>
      <c r="H33" s="20"/>
      <c r="I33" s="16">
        <v>314</v>
      </c>
      <c r="J33" s="22">
        <v>146</v>
      </c>
      <c r="K33" s="22">
        <v>168</v>
      </c>
    </row>
    <row r="34" spans="1:11" ht="15" customHeight="1">
      <c r="A34" s="20" t="s">
        <v>63</v>
      </c>
      <c r="B34" s="20"/>
      <c r="C34" s="16">
        <v>153</v>
      </c>
      <c r="D34" s="22">
        <v>71</v>
      </c>
      <c r="E34" s="22">
        <v>82</v>
      </c>
      <c r="F34" s="22"/>
      <c r="G34" s="21" t="s">
        <v>64</v>
      </c>
      <c r="H34" s="20"/>
      <c r="I34" s="16">
        <v>287</v>
      </c>
      <c r="J34" s="22">
        <v>129</v>
      </c>
      <c r="K34" s="22">
        <v>158</v>
      </c>
    </row>
    <row r="35" spans="1:11" ht="20.100000000000001" customHeight="1">
      <c r="A35" s="20" t="s">
        <v>65</v>
      </c>
      <c r="B35" s="20"/>
      <c r="C35" s="16">
        <v>740</v>
      </c>
      <c r="D35" s="17">
        <v>382</v>
      </c>
      <c r="E35" s="17">
        <v>358</v>
      </c>
      <c r="F35" s="17"/>
      <c r="G35" s="21" t="s">
        <v>66</v>
      </c>
      <c r="H35" s="20"/>
      <c r="I35" s="16">
        <v>1117</v>
      </c>
      <c r="J35" s="17">
        <v>524</v>
      </c>
      <c r="K35" s="17">
        <v>593</v>
      </c>
    </row>
    <row r="36" spans="1:11" ht="15" customHeight="1">
      <c r="A36" s="20" t="s">
        <v>67</v>
      </c>
      <c r="B36" s="20"/>
      <c r="C36" s="16">
        <v>166</v>
      </c>
      <c r="D36" s="22">
        <v>100</v>
      </c>
      <c r="E36" s="22">
        <v>66</v>
      </c>
      <c r="F36" s="22"/>
      <c r="G36" s="21" t="s">
        <v>68</v>
      </c>
      <c r="H36" s="20"/>
      <c r="I36" s="16">
        <v>304</v>
      </c>
      <c r="J36" s="22">
        <v>142</v>
      </c>
      <c r="K36" s="22">
        <v>162</v>
      </c>
    </row>
    <row r="37" spans="1:11" ht="15" customHeight="1">
      <c r="A37" s="20" t="s">
        <v>69</v>
      </c>
      <c r="B37" s="20"/>
      <c r="C37" s="16">
        <v>165</v>
      </c>
      <c r="D37" s="22">
        <v>81</v>
      </c>
      <c r="E37" s="22">
        <v>84</v>
      </c>
      <c r="F37" s="22"/>
      <c r="G37" s="21" t="s">
        <v>70</v>
      </c>
      <c r="H37" s="20"/>
      <c r="I37" s="16">
        <v>198</v>
      </c>
      <c r="J37" s="22">
        <v>95</v>
      </c>
      <c r="K37" s="22">
        <v>103</v>
      </c>
    </row>
    <row r="38" spans="1:11" ht="15" customHeight="1">
      <c r="A38" s="20" t="s">
        <v>71</v>
      </c>
      <c r="B38" s="20"/>
      <c r="C38" s="16">
        <v>129</v>
      </c>
      <c r="D38" s="22">
        <v>66</v>
      </c>
      <c r="E38" s="22">
        <v>63</v>
      </c>
      <c r="F38" s="22"/>
      <c r="G38" s="21" t="s">
        <v>72</v>
      </c>
      <c r="H38" s="20"/>
      <c r="I38" s="16">
        <v>179</v>
      </c>
      <c r="J38" s="22">
        <v>80</v>
      </c>
      <c r="K38" s="22">
        <v>99</v>
      </c>
    </row>
    <row r="39" spans="1:11" ht="15" customHeight="1">
      <c r="A39" s="20" t="s">
        <v>73</v>
      </c>
      <c r="B39" s="20"/>
      <c r="C39" s="16">
        <v>148</v>
      </c>
      <c r="D39" s="22">
        <v>64</v>
      </c>
      <c r="E39" s="22">
        <v>84</v>
      </c>
      <c r="F39" s="22"/>
      <c r="G39" s="21" t="s">
        <v>74</v>
      </c>
      <c r="H39" s="20"/>
      <c r="I39" s="16">
        <v>223</v>
      </c>
      <c r="J39" s="22">
        <v>115</v>
      </c>
      <c r="K39" s="22">
        <v>108</v>
      </c>
    </row>
    <row r="40" spans="1:11" ht="15" customHeight="1">
      <c r="A40" s="20" t="s">
        <v>75</v>
      </c>
      <c r="B40" s="20"/>
      <c r="C40" s="16">
        <v>132</v>
      </c>
      <c r="D40" s="22">
        <v>71</v>
      </c>
      <c r="E40" s="22">
        <v>61</v>
      </c>
      <c r="F40" s="22"/>
      <c r="G40" s="21" t="s">
        <v>76</v>
      </c>
      <c r="H40" s="20"/>
      <c r="I40" s="16">
        <v>213</v>
      </c>
      <c r="J40" s="22">
        <v>92</v>
      </c>
      <c r="K40" s="22">
        <v>121</v>
      </c>
    </row>
    <row r="41" spans="1:11" ht="20.100000000000001" customHeight="1">
      <c r="A41" s="20" t="s">
        <v>77</v>
      </c>
      <c r="B41" s="20"/>
      <c r="C41" s="16">
        <v>741</v>
      </c>
      <c r="D41" s="17">
        <v>378</v>
      </c>
      <c r="E41" s="17">
        <v>363</v>
      </c>
      <c r="F41" s="17"/>
      <c r="G41" s="21" t="s">
        <v>78</v>
      </c>
      <c r="H41" s="20"/>
      <c r="I41" s="16">
        <v>825</v>
      </c>
      <c r="J41" s="17">
        <v>353</v>
      </c>
      <c r="K41" s="17">
        <v>472</v>
      </c>
    </row>
    <row r="42" spans="1:11" ht="15" customHeight="1">
      <c r="A42" s="20" t="s">
        <v>79</v>
      </c>
      <c r="B42" s="20"/>
      <c r="C42" s="16">
        <v>150</v>
      </c>
      <c r="D42" s="22">
        <v>87</v>
      </c>
      <c r="E42" s="22">
        <v>63</v>
      </c>
      <c r="F42" s="22"/>
      <c r="G42" s="21" t="s">
        <v>80</v>
      </c>
      <c r="H42" s="20"/>
      <c r="I42" s="16">
        <v>209</v>
      </c>
      <c r="J42" s="22">
        <v>90</v>
      </c>
      <c r="K42" s="22">
        <v>119</v>
      </c>
    </row>
    <row r="43" spans="1:11" ht="15" customHeight="1">
      <c r="A43" s="20" t="s">
        <v>81</v>
      </c>
      <c r="B43" s="20"/>
      <c r="C43" s="16">
        <v>132</v>
      </c>
      <c r="D43" s="22">
        <v>65</v>
      </c>
      <c r="E43" s="22">
        <v>67</v>
      </c>
      <c r="F43" s="22"/>
      <c r="G43" s="21" t="s">
        <v>82</v>
      </c>
      <c r="H43" s="20"/>
      <c r="I43" s="16">
        <v>194</v>
      </c>
      <c r="J43" s="22">
        <v>79</v>
      </c>
      <c r="K43" s="22">
        <v>115</v>
      </c>
    </row>
    <row r="44" spans="1:11" ht="15" customHeight="1">
      <c r="A44" s="20" t="s">
        <v>83</v>
      </c>
      <c r="B44" s="20"/>
      <c r="C44" s="16">
        <v>143</v>
      </c>
      <c r="D44" s="22">
        <v>75</v>
      </c>
      <c r="E44" s="22">
        <v>68</v>
      </c>
      <c r="F44" s="22"/>
      <c r="G44" s="21" t="s">
        <v>84</v>
      </c>
      <c r="H44" s="20"/>
      <c r="I44" s="16">
        <v>178</v>
      </c>
      <c r="J44" s="22">
        <v>81</v>
      </c>
      <c r="K44" s="22">
        <v>97</v>
      </c>
    </row>
    <row r="45" spans="1:11" ht="15" customHeight="1">
      <c r="A45" s="20" t="s">
        <v>85</v>
      </c>
      <c r="B45" s="20"/>
      <c r="C45" s="16">
        <v>156</v>
      </c>
      <c r="D45" s="22">
        <v>81</v>
      </c>
      <c r="E45" s="22">
        <v>75</v>
      </c>
      <c r="F45" s="22"/>
      <c r="G45" s="21" t="s">
        <v>86</v>
      </c>
      <c r="H45" s="20"/>
      <c r="I45" s="16">
        <v>130</v>
      </c>
      <c r="J45" s="22">
        <v>54</v>
      </c>
      <c r="K45" s="22">
        <v>76</v>
      </c>
    </row>
    <row r="46" spans="1:11" ht="15" customHeight="1">
      <c r="A46" s="20" t="s">
        <v>87</v>
      </c>
      <c r="B46" s="20"/>
      <c r="C46" s="16">
        <v>160</v>
      </c>
      <c r="D46" s="22">
        <v>70</v>
      </c>
      <c r="E46" s="22">
        <v>90</v>
      </c>
      <c r="F46" s="22"/>
      <c r="G46" s="21" t="s">
        <v>88</v>
      </c>
      <c r="H46" s="20"/>
      <c r="I46" s="16">
        <v>114</v>
      </c>
      <c r="J46" s="22">
        <v>49</v>
      </c>
      <c r="K46" s="22">
        <v>65</v>
      </c>
    </row>
    <row r="47" spans="1:11" ht="20.100000000000001" customHeight="1">
      <c r="A47" s="20" t="s">
        <v>89</v>
      </c>
      <c r="B47" s="20"/>
      <c r="C47" s="16">
        <v>818</v>
      </c>
      <c r="D47" s="17">
        <v>428</v>
      </c>
      <c r="E47" s="17">
        <v>390</v>
      </c>
      <c r="F47" s="17"/>
      <c r="G47" s="21" t="s">
        <v>90</v>
      </c>
      <c r="H47" s="20"/>
      <c r="I47" s="16">
        <v>488</v>
      </c>
      <c r="J47" s="17">
        <v>174</v>
      </c>
      <c r="K47" s="17">
        <v>314</v>
      </c>
    </row>
    <row r="48" spans="1:11" ht="15" customHeight="1">
      <c r="A48" s="20" t="s">
        <v>91</v>
      </c>
      <c r="B48" s="20"/>
      <c r="C48" s="16">
        <v>163</v>
      </c>
      <c r="D48" s="22">
        <v>91</v>
      </c>
      <c r="E48" s="22">
        <v>72</v>
      </c>
      <c r="F48" s="22"/>
      <c r="G48" s="21" t="s">
        <v>92</v>
      </c>
      <c r="H48" s="20"/>
      <c r="I48" s="16">
        <v>128</v>
      </c>
      <c r="J48" s="22">
        <v>47</v>
      </c>
      <c r="K48" s="22">
        <v>81</v>
      </c>
    </row>
    <row r="49" spans="1:11" ht="15" customHeight="1">
      <c r="A49" s="20" t="s">
        <v>93</v>
      </c>
      <c r="B49" s="20"/>
      <c r="C49" s="16">
        <v>167</v>
      </c>
      <c r="D49" s="22">
        <v>87</v>
      </c>
      <c r="E49" s="22">
        <v>80</v>
      </c>
      <c r="F49" s="22"/>
      <c r="G49" s="21" t="s">
        <v>94</v>
      </c>
      <c r="H49" s="20"/>
      <c r="I49" s="16">
        <v>99</v>
      </c>
      <c r="J49" s="22">
        <v>34</v>
      </c>
      <c r="K49" s="22">
        <v>65</v>
      </c>
    </row>
    <row r="50" spans="1:11" ht="15" customHeight="1">
      <c r="A50" s="20" t="s">
        <v>95</v>
      </c>
      <c r="B50" s="20"/>
      <c r="C50" s="16">
        <v>148</v>
      </c>
      <c r="D50" s="22">
        <v>85</v>
      </c>
      <c r="E50" s="22">
        <v>63</v>
      </c>
      <c r="F50" s="22"/>
      <c r="G50" s="21" t="s">
        <v>96</v>
      </c>
      <c r="H50" s="20"/>
      <c r="I50" s="16">
        <v>105</v>
      </c>
      <c r="J50" s="22">
        <v>35</v>
      </c>
      <c r="K50" s="22">
        <v>70</v>
      </c>
    </row>
    <row r="51" spans="1:11" ht="15" customHeight="1">
      <c r="A51" s="20" t="s">
        <v>97</v>
      </c>
      <c r="B51" s="20"/>
      <c r="C51" s="16">
        <v>152</v>
      </c>
      <c r="D51" s="22">
        <v>77</v>
      </c>
      <c r="E51" s="22">
        <v>75</v>
      </c>
      <c r="F51" s="22"/>
      <c r="G51" s="21" t="s">
        <v>98</v>
      </c>
      <c r="H51" s="20"/>
      <c r="I51" s="16">
        <v>82</v>
      </c>
      <c r="J51" s="22">
        <v>27</v>
      </c>
      <c r="K51" s="22">
        <v>55</v>
      </c>
    </row>
    <row r="52" spans="1:11" ht="15" customHeight="1">
      <c r="A52" s="20" t="s">
        <v>99</v>
      </c>
      <c r="B52" s="20"/>
      <c r="C52" s="16">
        <v>188</v>
      </c>
      <c r="D52" s="22">
        <v>88</v>
      </c>
      <c r="E52" s="22">
        <v>100</v>
      </c>
      <c r="F52" s="22"/>
      <c r="G52" s="21" t="s">
        <v>100</v>
      </c>
      <c r="H52" s="20"/>
      <c r="I52" s="16">
        <v>74</v>
      </c>
      <c r="J52" s="22">
        <v>31</v>
      </c>
      <c r="K52" s="22">
        <v>43</v>
      </c>
    </row>
    <row r="53" spans="1:11" ht="20.100000000000001" customHeight="1">
      <c r="A53" s="20" t="s">
        <v>101</v>
      </c>
      <c r="B53" s="20"/>
      <c r="C53" s="16">
        <v>1051</v>
      </c>
      <c r="D53" s="17">
        <v>522</v>
      </c>
      <c r="E53" s="17">
        <v>529</v>
      </c>
      <c r="F53" s="17"/>
      <c r="G53" s="21" t="s">
        <v>102</v>
      </c>
      <c r="H53" s="20"/>
      <c r="I53" s="16">
        <v>221</v>
      </c>
      <c r="J53" s="17">
        <v>71</v>
      </c>
      <c r="K53" s="17">
        <v>150</v>
      </c>
    </row>
    <row r="54" spans="1:11" ht="15" customHeight="1">
      <c r="A54" s="20" t="s">
        <v>103</v>
      </c>
      <c r="B54" s="20"/>
      <c r="C54" s="16">
        <v>177</v>
      </c>
      <c r="D54" s="22">
        <v>91</v>
      </c>
      <c r="E54" s="22">
        <v>86</v>
      </c>
      <c r="F54" s="22"/>
      <c r="G54" s="21" t="s">
        <v>104</v>
      </c>
      <c r="H54" s="20"/>
      <c r="I54" s="16">
        <v>64</v>
      </c>
      <c r="J54" s="22">
        <v>24</v>
      </c>
      <c r="K54" s="22">
        <v>40</v>
      </c>
    </row>
    <row r="55" spans="1:11" ht="15" customHeight="1">
      <c r="A55" s="20" t="s">
        <v>105</v>
      </c>
      <c r="B55" s="20"/>
      <c r="C55" s="16">
        <v>200</v>
      </c>
      <c r="D55" s="22">
        <v>104</v>
      </c>
      <c r="E55" s="22">
        <v>96</v>
      </c>
      <c r="F55" s="22"/>
      <c r="G55" s="21" t="s">
        <v>106</v>
      </c>
      <c r="H55" s="20"/>
      <c r="I55" s="16">
        <v>44</v>
      </c>
      <c r="J55" s="22">
        <v>14</v>
      </c>
      <c r="K55" s="22">
        <v>30</v>
      </c>
    </row>
    <row r="56" spans="1:11" ht="15" customHeight="1">
      <c r="A56" s="20" t="s">
        <v>107</v>
      </c>
      <c r="B56" s="20"/>
      <c r="C56" s="16">
        <v>203</v>
      </c>
      <c r="D56" s="22">
        <v>99</v>
      </c>
      <c r="E56" s="22">
        <v>104</v>
      </c>
      <c r="F56" s="22"/>
      <c r="G56" s="21" t="s">
        <v>108</v>
      </c>
      <c r="H56" s="20"/>
      <c r="I56" s="16">
        <v>40</v>
      </c>
      <c r="J56" s="22">
        <v>15</v>
      </c>
      <c r="K56" s="22">
        <v>25</v>
      </c>
    </row>
    <row r="57" spans="1:11" ht="15" customHeight="1">
      <c r="A57" s="20" t="s">
        <v>109</v>
      </c>
      <c r="B57" s="20"/>
      <c r="C57" s="16">
        <v>230</v>
      </c>
      <c r="D57" s="22">
        <v>119</v>
      </c>
      <c r="E57" s="22">
        <v>111</v>
      </c>
      <c r="F57" s="22"/>
      <c r="G57" s="21" t="s">
        <v>110</v>
      </c>
      <c r="H57" s="20"/>
      <c r="I57" s="16">
        <v>33</v>
      </c>
      <c r="J57" s="22">
        <v>10</v>
      </c>
      <c r="K57" s="22">
        <v>23</v>
      </c>
    </row>
    <row r="58" spans="1:11" ht="15" customHeight="1">
      <c r="A58" s="20" t="s">
        <v>111</v>
      </c>
      <c r="B58" s="20"/>
      <c r="C58" s="16">
        <v>241</v>
      </c>
      <c r="D58" s="22">
        <v>109</v>
      </c>
      <c r="E58" s="22">
        <v>132</v>
      </c>
      <c r="F58" s="22"/>
      <c r="G58" s="21" t="s">
        <v>112</v>
      </c>
      <c r="H58" s="20"/>
      <c r="I58" s="16">
        <v>40</v>
      </c>
      <c r="J58" s="22">
        <v>8</v>
      </c>
      <c r="K58" s="22">
        <v>32</v>
      </c>
    </row>
    <row r="59" spans="1:11" ht="20.100000000000001" customHeight="1">
      <c r="A59" s="20" t="s">
        <v>113</v>
      </c>
      <c r="B59" s="20"/>
      <c r="C59" s="16">
        <v>1431</v>
      </c>
      <c r="D59" s="17">
        <v>736</v>
      </c>
      <c r="E59" s="17">
        <v>695</v>
      </c>
      <c r="F59" s="17"/>
      <c r="G59" s="21" t="s">
        <v>114</v>
      </c>
      <c r="H59" s="20"/>
      <c r="I59" s="16">
        <v>82</v>
      </c>
      <c r="J59" s="17">
        <v>21</v>
      </c>
      <c r="K59" s="17">
        <v>61</v>
      </c>
    </row>
    <row r="60" spans="1:11" ht="15" customHeight="1">
      <c r="A60" s="20" t="s">
        <v>115</v>
      </c>
      <c r="B60" s="20"/>
      <c r="C60" s="16">
        <v>223</v>
      </c>
      <c r="D60" s="22">
        <v>113</v>
      </c>
      <c r="E60" s="22">
        <v>110</v>
      </c>
      <c r="F60" s="22"/>
      <c r="G60" s="21" t="s">
        <v>116</v>
      </c>
      <c r="H60" s="20"/>
      <c r="I60" s="16">
        <v>34</v>
      </c>
      <c r="J60" s="22">
        <v>11</v>
      </c>
      <c r="K60" s="22">
        <v>23</v>
      </c>
    </row>
    <row r="61" spans="1:11" ht="15" customHeight="1">
      <c r="A61" s="20" t="s">
        <v>117</v>
      </c>
      <c r="B61" s="20"/>
      <c r="C61" s="16">
        <v>282</v>
      </c>
      <c r="D61" s="22">
        <v>168</v>
      </c>
      <c r="E61" s="22">
        <v>114</v>
      </c>
      <c r="F61" s="22"/>
      <c r="G61" s="21" t="s">
        <v>118</v>
      </c>
      <c r="H61" s="20"/>
      <c r="I61" s="16">
        <v>19</v>
      </c>
      <c r="J61" s="22">
        <v>3</v>
      </c>
      <c r="K61" s="22">
        <v>16</v>
      </c>
    </row>
    <row r="62" spans="1:11" ht="15" customHeight="1">
      <c r="A62" s="20" t="s">
        <v>119</v>
      </c>
      <c r="B62" s="20"/>
      <c r="C62" s="16">
        <v>296</v>
      </c>
      <c r="D62" s="22">
        <v>152</v>
      </c>
      <c r="E62" s="22">
        <v>144</v>
      </c>
      <c r="F62" s="22"/>
      <c r="G62" s="21" t="s">
        <v>120</v>
      </c>
      <c r="H62" s="20"/>
      <c r="I62" s="16">
        <v>17</v>
      </c>
      <c r="J62" s="22">
        <v>2</v>
      </c>
      <c r="K62" s="22">
        <v>15</v>
      </c>
    </row>
    <row r="63" spans="1:11" ht="15" customHeight="1">
      <c r="A63" s="20" t="s">
        <v>121</v>
      </c>
      <c r="B63" s="20"/>
      <c r="C63" s="16">
        <v>292</v>
      </c>
      <c r="D63" s="22">
        <v>138</v>
      </c>
      <c r="E63" s="22">
        <v>154</v>
      </c>
      <c r="F63" s="22"/>
      <c r="G63" s="21" t="s">
        <v>122</v>
      </c>
      <c r="H63" s="20"/>
      <c r="I63" s="16">
        <v>4</v>
      </c>
      <c r="J63" s="22">
        <v>2</v>
      </c>
      <c r="K63" s="22">
        <v>2</v>
      </c>
    </row>
    <row r="64" spans="1:11" ht="15" customHeight="1">
      <c r="A64" s="20" t="s">
        <v>123</v>
      </c>
      <c r="B64" s="20"/>
      <c r="C64" s="16">
        <v>338</v>
      </c>
      <c r="D64" s="22">
        <v>165</v>
      </c>
      <c r="E64" s="22">
        <v>173</v>
      </c>
      <c r="F64" s="22"/>
      <c r="G64" s="21" t="s">
        <v>124</v>
      </c>
      <c r="H64" s="20"/>
      <c r="I64" s="16">
        <v>8</v>
      </c>
      <c r="J64" s="22">
        <v>3</v>
      </c>
      <c r="K64" s="22">
        <v>5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3</v>
      </c>
      <c r="J65" s="22">
        <v>0</v>
      </c>
      <c r="K65" s="22">
        <v>13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15</v>
      </c>
      <c r="J66" s="32">
        <v>45</v>
      </c>
      <c r="K66" s="32">
        <v>70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2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51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0474</v>
      </c>
      <c r="D4" s="17">
        <v>5193</v>
      </c>
      <c r="E4" s="17">
        <v>5281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269</v>
      </c>
      <c r="D5" s="17">
        <v>145</v>
      </c>
      <c r="E5" s="17">
        <v>124</v>
      </c>
      <c r="F5" s="17"/>
      <c r="G5" s="21" t="s">
        <v>6</v>
      </c>
      <c r="H5" s="20"/>
      <c r="I5" s="16">
        <v>811</v>
      </c>
      <c r="J5" s="17">
        <v>416</v>
      </c>
      <c r="K5" s="17">
        <v>395</v>
      </c>
    </row>
    <row r="6" spans="1:11" ht="15" customHeight="1">
      <c r="A6" s="20" t="s">
        <v>7</v>
      </c>
      <c r="B6" s="20"/>
      <c r="C6" s="16">
        <v>50</v>
      </c>
      <c r="D6" s="22">
        <v>23</v>
      </c>
      <c r="E6" s="22">
        <v>27</v>
      </c>
      <c r="F6" s="22"/>
      <c r="G6" s="21" t="s">
        <v>8</v>
      </c>
      <c r="H6" s="20"/>
      <c r="I6" s="16">
        <v>155</v>
      </c>
      <c r="J6" s="22">
        <v>74</v>
      </c>
      <c r="K6" s="22">
        <v>81</v>
      </c>
    </row>
    <row r="7" spans="1:11" ht="15" customHeight="1">
      <c r="A7" s="20" t="s">
        <v>9</v>
      </c>
      <c r="B7" s="20"/>
      <c r="C7" s="16">
        <v>47</v>
      </c>
      <c r="D7" s="22">
        <v>24</v>
      </c>
      <c r="E7" s="22">
        <v>23</v>
      </c>
      <c r="F7" s="22"/>
      <c r="G7" s="21" t="s">
        <v>10</v>
      </c>
      <c r="H7" s="20"/>
      <c r="I7" s="16">
        <v>169</v>
      </c>
      <c r="J7" s="22">
        <v>87</v>
      </c>
      <c r="K7" s="22">
        <v>82</v>
      </c>
    </row>
    <row r="8" spans="1:11" ht="15" customHeight="1">
      <c r="A8" s="20" t="s">
        <v>11</v>
      </c>
      <c r="B8" s="20"/>
      <c r="C8" s="16">
        <v>49</v>
      </c>
      <c r="D8" s="22">
        <v>29</v>
      </c>
      <c r="E8" s="22">
        <v>20</v>
      </c>
      <c r="F8" s="22"/>
      <c r="G8" s="21" t="s">
        <v>12</v>
      </c>
      <c r="H8" s="20"/>
      <c r="I8" s="16">
        <v>155</v>
      </c>
      <c r="J8" s="22">
        <v>75</v>
      </c>
      <c r="K8" s="22">
        <v>80</v>
      </c>
    </row>
    <row r="9" spans="1:11" ht="15" customHeight="1">
      <c r="A9" s="20" t="s">
        <v>13</v>
      </c>
      <c r="B9" s="20"/>
      <c r="C9" s="16">
        <v>54</v>
      </c>
      <c r="D9" s="22">
        <v>26</v>
      </c>
      <c r="E9" s="22">
        <v>28</v>
      </c>
      <c r="F9" s="22"/>
      <c r="G9" s="21" t="s">
        <v>14</v>
      </c>
      <c r="H9" s="20"/>
      <c r="I9" s="16">
        <v>171</v>
      </c>
      <c r="J9" s="22">
        <v>95</v>
      </c>
      <c r="K9" s="22">
        <v>76</v>
      </c>
    </row>
    <row r="10" spans="1:11" ht="15" customHeight="1">
      <c r="A10" s="20" t="s">
        <v>15</v>
      </c>
      <c r="B10" s="20"/>
      <c r="C10" s="16">
        <v>69</v>
      </c>
      <c r="D10" s="22">
        <v>43</v>
      </c>
      <c r="E10" s="22">
        <v>26</v>
      </c>
      <c r="F10" s="22"/>
      <c r="G10" s="21" t="s">
        <v>16</v>
      </c>
      <c r="H10" s="20"/>
      <c r="I10" s="16">
        <v>161</v>
      </c>
      <c r="J10" s="22">
        <v>85</v>
      </c>
      <c r="K10" s="22">
        <v>76</v>
      </c>
    </row>
    <row r="11" spans="1:11" ht="20.100000000000001" customHeight="1">
      <c r="A11" s="20" t="s">
        <v>17</v>
      </c>
      <c r="B11" s="20"/>
      <c r="C11" s="16">
        <v>339</v>
      </c>
      <c r="D11" s="17">
        <v>185</v>
      </c>
      <c r="E11" s="17">
        <v>154</v>
      </c>
      <c r="F11" s="17"/>
      <c r="G11" s="21" t="s">
        <v>18</v>
      </c>
      <c r="H11" s="20"/>
      <c r="I11" s="16">
        <v>742</v>
      </c>
      <c r="J11" s="17">
        <v>395</v>
      </c>
      <c r="K11" s="17">
        <v>347</v>
      </c>
    </row>
    <row r="12" spans="1:11" ht="15" customHeight="1">
      <c r="A12" s="20" t="s">
        <v>19</v>
      </c>
      <c r="B12" s="20"/>
      <c r="C12" s="16">
        <v>72</v>
      </c>
      <c r="D12" s="22">
        <v>38</v>
      </c>
      <c r="E12" s="22">
        <v>34</v>
      </c>
      <c r="F12" s="22"/>
      <c r="G12" s="21" t="s">
        <v>20</v>
      </c>
      <c r="H12" s="20"/>
      <c r="I12" s="16">
        <v>181</v>
      </c>
      <c r="J12" s="22">
        <v>92</v>
      </c>
      <c r="K12" s="22">
        <v>89</v>
      </c>
    </row>
    <row r="13" spans="1:11" ht="15" customHeight="1">
      <c r="A13" s="20" t="s">
        <v>21</v>
      </c>
      <c r="B13" s="20"/>
      <c r="C13" s="16">
        <v>81</v>
      </c>
      <c r="D13" s="22">
        <v>43</v>
      </c>
      <c r="E13" s="22">
        <v>38</v>
      </c>
      <c r="F13" s="22"/>
      <c r="G13" s="21" t="s">
        <v>22</v>
      </c>
      <c r="H13" s="20"/>
      <c r="I13" s="16">
        <v>103</v>
      </c>
      <c r="J13" s="22">
        <v>51</v>
      </c>
      <c r="K13" s="22">
        <v>52</v>
      </c>
    </row>
    <row r="14" spans="1:11" ht="15" customHeight="1">
      <c r="A14" s="20" t="s">
        <v>23</v>
      </c>
      <c r="B14" s="20"/>
      <c r="C14" s="16">
        <v>69</v>
      </c>
      <c r="D14" s="22">
        <v>41</v>
      </c>
      <c r="E14" s="22">
        <v>28</v>
      </c>
      <c r="F14" s="22"/>
      <c r="G14" s="21" t="s">
        <v>24</v>
      </c>
      <c r="H14" s="20"/>
      <c r="I14" s="16">
        <v>177</v>
      </c>
      <c r="J14" s="22">
        <v>104</v>
      </c>
      <c r="K14" s="22">
        <v>73</v>
      </c>
    </row>
    <row r="15" spans="1:11" ht="15" customHeight="1">
      <c r="A15" s="20" t="s">
        <v>25</v>
      </c>
      <c r="B15" s="20"/>
      <c r="C15" s="16">
        <v>64</v>
      </c>
      <c r="D15" s="22">
        <v>33</v>
      </c>
      <c r="E15" s="22">
        <v>31</v>
      </c>
      <c r="F15" s="22"/>
      <c r="G15" s="21" t="s">
        <v>26</v>
      </c>
      <c r="H15" s="20"/>
      <c r="I15" s="16">
        <v>136</v>
      </c>
      <c r="J15" s="22">
        <v>68</v>
      </c>
      <c r="K15" s="22">
        <v>68</v>
      </c>
    </row>
    <row r="16" spans="1:11" ht="15" customHeight="1">
      <c r="A16" s="20" t="s">
        <v>27</v>
      </c>
      <c r="B16" s="20"/>
      <c r="C16" s="16">
        <v>53</v>
      </c>
      <c r="D16" s="22">
        <v>30</v>
      </c>
      <c r="E16" s="22">
        <v>23</v>
      </c>
      <c r="F16" s="22"/>
      <c r="G16" s="21" t="s">
        <v>28</v>
      </c>
      <c r="H16" s="20"/>
      <c r="I16" s="16">
        <v>145</v>
      </c>
      <c r="J16" s="22">
        <v>80</v>
      </c>
      <c r="K16" s="22">
        <v>65</v>
      </c>
    </row>
    <row r="17" spans="1:11" ht="20.100000000000001" customHeight="1">
      <c r="A17" s="24" t="s">
        <v>29</v>
      </c>
      <c r="B17" s="24"/>
      <c r="C17" s="16">
        <v>368</v>
      </c>
      <c r="D17" s="17">
        <v>185</v>
      </c>
      <c r="E17" s="17">
        <v>183</v>
      </c>
      <c r="F17" s="17"/>
      <c r="G17" s="21" t="s">
        <v>30</v>
      </c>
      <c r="H17" s="20"/>
      <c r="I17" s="16">
        <v>726</v>
      </c>
      <c r="J17" s="17">
        <v>360</v>
      </c>
      <c r="K17" s="17">
        <v>366</v>
      </c>
    </row>
    <row r="18" spans="1:11" ht="15" customHeight="1">
      <c r="A18" s="20" t="s">
        <v>31</v>
      </c>
      <c r="B18" s="20"/>
      <c r="C18" s="16">
        <v>80</v>
      </c>
      <c r="D18" s="22">
        <v>40</v>
      </c>
      <c r="E18" s="22">
        <v>40</v>
      </c>
      <c r="F18" s="22"/>
      <c r="G18" s="21" t="s">
        <v>32</v>
      </c>
      <c r="H18" s="20"/>
      <c r="I18" s="16">
        <v>165</v>
      </c>
      <c r="J18" s="22">
        <v>84</v>
      </c>
      <c r="K18" s="22">
        <v>81</v>
      </c>
    </row>
    <row r="19" spans="1:11" ht="15" customHeight="1">
      <c r="A19" s="20" t="s">
        <v>33</v>
      </c>
      <c r="B19" s="20"/>
      <c r="C19" s="16">
        <v>72</v>
      </c>
      <c r="D19" s="22">
        <v>38</v>
      </c>
      <c r="E19" s="22">
        <v>34</v>
      </c>
      <c r="F19" s="22"/>
      <c r="G19" s="21" t="s">
        <v>34</v>
      </c>
      <c r="H19" s="20"/>
      <c r="I19" s="16">
        <v>132</v>
      </c>
      <c r="J19" s="22">
        <v>66</v>
      </c>
      <c r="K19" s="22">
        <v>66</v>
      </c>
    </row>
    <row r="20" spans="1:11" ht="15" customHeight="1">
      <c r="A20" s="20" t="s">
        <v>35</v>
      </c>
      <c r="B20" s="20"/>
      <c r="C20" s="16">
        <v>75</v>
      </c>
      <c r="D20" s="22">
        <v>40</v>
      </c>
      <c r="E20" s="22">
        <v>35</v>
      </c>
      <c r="F20" s="22"/>
      <c r="G20" s="21" t="s">
        <v>36</v>
      </c>
      <c r="H20" s="20"/>
      <c r="I20" s="16">
        <v>150</v>
      </c>
      <c r="J20" s="22">
        <v>70</v>
      </c>
      <c r="K20" s="22">
        <v>80</v>
      </c>
    </row>
    <row r="21" spans="1:11" ht="15" customHeight="1">
      <c r="A21" s="20" t="s">
        <v>37</v>
      </c>
      <c r="B21" s="20"/>
      <c r="C21" s="16">
        <v>75</v>
      </c>
      <c r="D21" s="22">
        <v>34</v>
      </c>
      <c r="E21" s="22">
        <v>41</v>
      </c>
      <c r="F21" s="22"/>
      <c r="G21" s="21" t="s">
        <v>38</v>
      </c>
      <c r="H21" s="20"/>
      <c r="I21" s="16">
        <v>137</v>
      </c>
      <c r="J21" s="22">
        <v>67</v>
      </c>
      <c r="K21" s="22">
        <v>70</v>
      </c>
    </row>
    <row r="22" spans="1:11" ht="15" customHeight="1">
      <c r="A22" s="20" t="s">
        <v>39</v>
      </c>
      <c r="B22" s="20"/>
      <c r="C22" s="16">
        <v>66</v>
      </c>
      <c r="D22" s="22">
        <v>33</v>
      </c>
      <c r="E22" s="22">
        <v>33</v>
      </c>
      <c r="F22" s="22"/>
      <c r="G22" s="21" t="s">
        <v>40</v>
      </c>
      <c r="H22" s="20"/>
      <c r="I22" s="16">
        <v>142</v>
      </c>
      <c r="J22" s="22">
        <v>73</v>
      </c>
      <c r="K22" s="22">
        <v>69</v>
      </c>
    </row>
    <row r="23" spans="1:11" ht="20.100000000000001" customHeight="1">
      <c r="A23" s="20" t="s">
        <v>41</v>
      </c>
      <c r="B23" s="20"/>
      <c r="C23" s="16">
        <v>379</v>
      </c>
      <c r="D23" s="17">
        <v>208</v>
      </c>
      <c r="E23" s="17">
        <v>171</v>
      </c>
      <c r="F23" s="17"/>
      <c r="G23" s="21" t="s">
        <v>42</v>
      </c>
      <c r="H23" s="20"/>
      <c r="I23" s="16">
        <v>692</v>
      </c>
      <c r="J23" s="17">
        <v>353</v>
      </c>
      <c r="K23" s="17">
        <v>339</v>
      </c>
    </row>
    <row r="24" spans="1:11" ht="15" customHeight="1">
      <c r="A24" s="20" t="s">
        <v>43</v>
      </c>
      <c r="B24" s="20"/>
      <c r="C24" s="16">
        <v>60</v>
      </c>
      <c r="D24" s="22">
        <v>35</v>
      </c>
      <c r="E24" s="22">
        <v>25</v>
      </c>
      <c r="F24" s="22"/>
      <c r="G24" s="21" t="s">
        <v>44</v>
      </c>
      <c r="H24" s="20"/>
      <c r="I24" s="16">
        <v>124</v>
      </c>
      <c r="J24" s="22">
        <v>57</v>
      </c>
      <c r="K24" s="22">
        <v>67</v>
      </c>
    </row>
    <row r="25" spans="1:11" ht="15" customHeight="1">
      <c r="A25" s="20" t="s">
        <v>45</v>
      </c>
      <c r="B25" s="20"/>
      <c r="C25" s="16">
        <v>66</v>
      </c>
      <c r="D25" s="22">
        <v>33</v>
      </c>
      <c r="E25" s="22">
        <v>33</v>
      </c>
      <c r="F25" s="22"/>
      <c r="G25" s="21" t="s">
        <v>46</v>
      </c>
      <c r="H25" s="20"/>
      <c r="I25" s="16">
        <v>128</v>
      </c>
      <c r="J25" s="22">
        <v>65</v>
      </c>
      <c r="K25" s="22">
        <v>63</v>
      </c>
    </row>
    <row r="26" spans="1:11" ht="15" customHeight="1">
      <c r="A26" s="20" t="s">
        <v>47</v>
      </c>
      <c r="B26" s="20"/>
      <c r="C26" s="16">
        <v>97</v>
      </c>
      <c r="D26" s="22">
        <v>45</v>
      </c>
      <c r="E26" s="22">
        <v>52</v>
      </c>
      <c r="F26" s="22"/>
      <c r="G26" s="21" t="s">
        <v>48</v>
      </c>
      <c r="H26" s="20"/>
      <c r="I26" s="16">
        <v>157</v>
      </c>
      <c r="J26" s="22">
        <v>86</v>
      </c>
      <c r="K26" s="22">
        <v>71</v>
      </c>
    </row>
    <row r="27" spans="1:11" ht="15" customHeight="1">
      <c r="A27" s="20" t="s">
        <v>49</v>
      </c>
      <c r="B27" s="20"/>
      <c r="C27" s="16">
        <v>77</v>
      </c>
      <c r="D27" s="22">
        <v>47</v>
      </c>
      <c r="E27" s="22">
        <v>30</v>
      </c>
      <c r="F27" s="22"/>
      <c r="G27" s="21" t="s">
        <v>50</v>
      </c>
      <c r="H27" s="20"/>
      <c r="I27" s="16">
        <v>146</v>
      </c>
      <c r="J27" s="22">
        <v>81</v>
      </c>
      <c r="K27" s="22">
        <v>65</v>
      </c>
    </row>
    <row r="28" spans="1:11" ht="15" customHeight="1">
      <c r="A28" s="20" t="s">
        <v>51</v>
      </c>
      <c r="B28" s="20"/>
      <c r="C28" s="16">
        <v>79</v>
      </c>
      <c r="D28" s="22">
        <v>48</v>
      </c>
      <c r="E28" s="22">
        <v>31</v>
      </c>
      <c r="F28" s="22"/>
      <c r="G28" s="21" t="s">
        <v>52</v>
      </c>
      <c r="H28" s="20"/>
      <c r="I28" s="16">
        <v>137</v>
      </c>
      <c r="J28" s="22">
        <v>64</v>
      </c>
      <c r="K28" s="22">
        <v>73</v>
      </c>
    </row>
    <row r="29" spans="1:11" ht="20.100000000000001" customHeight="1">
      <c r="A29" s="20" t="s">
        <v>53</v>
      </c>
      <c r="B29" s="20"/>
      <c r="C29" s="16">
        <v>472</v>
      </c>
      <c r="D29" s="17">
        <v>234</v>
      </c>
      <c r="E29" s="17">
        <v>238</v>
      </c>
      <c r="F29" s="17"/>
      <c r="G29" s="21" t="s">
        <v>54</v>
      </c>
      <c r="H29" s="20"/>
      <c r="I29" s="16">
        <v>916</v>
      </c>
      <c r="J29" s="17">
        <v>435</v>
      </c>
      <c r="K29" s="17">
        <v>481</v>
      </c>
    </row>
    <row r="30" spans="1:11" ht="15" customHeight="1">
      <c r="A30" s="20" t="s">
        <v>55</v>
      </c>
      <c r="B30" s="20"/>
      <c r="C30" s="16">
        <v>89</v>
      </c>
      <c r="D30" s="22">
        <v>44</v>
      </c>
      <c r="E30" s="22">
        <v>45</v>
      </c>
      <c r="F30" s="22"/>
      <c r="G30" s="21" t="s">
        <v>56</v>
      </c>
      <c r="H30" s="20"/>
      <c r="I30" s="16">
        <v>175</v>
      </c>
      <c r="J30" s="22">
        <v>94</v>
      </c>
      <c r="K30" s="22">
        <v>81</v>
      </c>
    </row>
    <row r="31" spans="1:11" ht="15" customHeight="1">
      <c r="A31" s="20" t="s">
        <v>57</v>
      </c>
      <c r="B31" s="20"/>
      <c r="C31" s="16">
        <v>98</v>
      </c>
      <c r="D31" s="22">
        <v>50</v>
      </c>
      <c r="E31" s="22">
        <v>48</v>
      </c>
      <c r="F31" s="22"/>
      <c r="G31" s="21" t="s">
        <v>58</v>
      </c>
      <c r="H31" s="20"/>
      <c r="I31" s="16">
        <v>172</v>
      </c>
      <c r="J31" s="22">
        <v>77</v>
      </c>
      <c r="K31" s="22">
        <v>95</v>
      </c>
    </row>
    <row r="32" spans="1:11" ht="15" customHeight="1">
      <c r="A32" s="20" t="s">
        <v>59</v>
      </c>
      <c r="B32" s="20"/>
      <c r="C32" s="16">
        <v>106</v>
      </c>
      <c r="D32" s="22">
        <v>55</v>
      </c>
      <c r="E32" s="22">
        <v>51</v>
      </c>
      <c r="F32" s="22"/>
      <c r="G32" s="21" t="s">
        <v>60</v>
      </c>
      <c r="H32" s="20"/>
      <c r="I32" s="16">
        <v>178</v>
      </c>
      <c r="J32" s="22">
        <v>92</v>
      </c>
      <c r="K32" s="22">
        <v>86</v>
      </c>
    </row>
    <row r="33" spans="1:11" ht="15" customHeight="1">
      <c r="A33" s="20" t="s">
        <v>61</v>
      </c>
      <c r="B33" s="20"/>
      <c r="C33" s="16">
        <v>78</v>
      </c>
      <c r="D33" s="22">
        <v>40</v>
      </c>
      <c r="E33" s="22">
        <v>38</v>
      </c>
      <c r="F33" s="22"/>
      <c r="G33" s="21" t="s">
        <v>62</v>
      </c>
      <c r="H33" s="20"/>
      <c r="I33" s="16">
        <v>203</v>
      </c>
      <c r="J33" s="22">
        <v>90</v>
      </c>
      <c r="K33" s="22">
        <v>113</v>
      </c>
    </row>
    <row r="34" spans="1:11" ht="15" customHeight="1">
      <c r="A34" s="20" t="s">
        <v>63</v>
      </c>
      <c r="B34" s="20"/>
      <c r="C34" s="16">
        <v>101</v>
      </c>
      <c r="D34" s="22">
        <v>45</v>
      </c>
      <c r="E34" s="22">
        <v>56</v>
      </c>
      <c r="F34" s="22"/>
      <c r="G34" s="21" t="s">
        <v>64</v>
      </c>
      <c r="H34" s="20"/>
      <c r="I34" s="16">
        <v>188</v>
      </c>
      <c r="J34" s="22">
        <v>82</v>
      </c>
      <c r="K34" s="22">
        <v>106</v>
      </c>
    </row>
    <row r="35" spans="1:11" ht="20.100000000000001" customHeight="1">
      <c r="A35" s="20" t="s">
        <v>65</v>
      </c>
      <c r="B35" s="20"/>
      <c r="C35" s="16">
        <v>392</v>
      </c>
      <c r="D35" s="17">
        <v>215</v>
      </c>
      <c r="E35" s="17">
        <v>177</v>
      </c>
      <c r="F35" s="17"/>
      <c r="G35" s="21" t="s">
        <v>66</v>
      </c>
      <c r="H35" s="20"/>
      <c r="I35" s="16">
        <v>748</v>
      </c>
      <c r="J35" s="17">
        <v>336</v>
      </c>
      <c r="K35" s="17">
        <v>412</v>
      </c>
    </row>
    <row r="36" spans="1:11" ht="15" customHeight="1">
      <c r="A36" s="20" t="s">
        <v>67</v>
      </c>
      <c r="B36" s="20"/>
      <c r="C36" s="16">
        <v>82</v>
      </c>
      <c r="D36" s="22">
        <v>50</v>
      </c>
      <c r="E36" s="22">
        <v>32</v>
      </c>
      <c r="F36" s="22"/>
      <c r="G36" s="21" t="s">
        <v>68</v>
      </c>
      <c r="H36" s="20"/>
      <c r="I36" s="16">
        <v>191</v>
      </c>
      <c r="J36" s="22">
        <v>90</v>
      </c>
      <c r="K36" s="22">
        <v>101</v>
      </c>
    </row>
    <row r="37" spans="1:11" ht="15" customHeight="1">
      <c r="A37" s="20" t="s">
        <v>69</v>
      </c>
      <c r="B37" s="20"/>
      <c r="C37" s="16">
        <v>80</v>
      </c>
      <c r="D37" s="22">
        <v>40</v>
      </c>
      <c r="E37" s="22">
        <v>40</v>
      </c>
      <c r="F37" s="22"/>
      <c r="G37" s="21" t="s">
        <v>70</v>
      </c>
      <c r="H37" s="20"/>
      <c r="I37" s="16">
        <v>138</v>
      </c>
      <c r="J37" s="22">
        <v>66</v>
      </c>
      <c r="K37" s="22">
        <v>72</v>
      </c>
    </row>
    <row r="38" spans="1:11" ht="15" customHeight="1">
      <c r="A38" s="20" t="s">
        <v>71</v>
      </c>
      <c r="B38" s="20"/>
      <c r="C38" s="16">
        <v>89</v>
      </c>
      <c r="D38" s="22">
        <v>45</v>
      </c>
      <c r="E38" s="22">
        <v>44</v>
      </c>
      <c r="F38" s="22"/>
      <c r="G38" s="21" t="s">
        <v>72</v>
      </c>
      <c r="H38" s="20"/>
      <c r="I38" s="16">
        <v>135</v>
      </c>
      <c r="J38" s="22">
        <v>59</v>
      </c>
      <c r="K38" s="22">
        <v>76</v>
      </c>
    </row>
    <row r="39" spans="1:11" ht="15" customHeight="1">
      <c r="A39" s="20" t="s">
        <v>73</v>
      </c>
      <c r="B39" s="20"/>
      <c r="C39" s="16">
        <v>75</v>
      </c>
      <c r="D39" s="22">
        <v>39</v>
      </c>
      <c r="E39" s="22">
        <v>36</v>
      </c>
      <c r="F39" s="22"/>
      <c r="G39" s="21" t="s">
        <v>74</v>
      </c>
      <c r="H39" s="20"/>
      <c r="I39" s="16">
        <v>144</v>
      </c>
      <c r="J39" s="22">
        <v>63</v>
      </c>
      <c r="K39" s="22">
        <v>81</v>
      </c>
    </row>
    <row r="40" spans="1:11" ht="15" customHeight="1">
      <c r="A40" s="20" t="s">
        <v>75</v>
      </c>
      <c r="B40" s="20"/>
      <c r="C40" s="16">
        <v>66</v>
      </c>
      <c r="D40" s="22">
        <v>41</v>
      </c>
      <c r="E40" s="22">
        <v>25</v>
      </c>
      <c r="F40" s="22"/>
      <c r="G40" s="21" t="s">
        <v>76</v>
      </c>
      <c r="H40" s="20"/>
      <c r="I40" s="16">
        <v>140</v>
      </c>
      <c r="J40" s="22">
        <v>58</v>
      </c>
      <c r="K40" s="22">
        <v>82</v>
      </c>
    </row>
    <row r="41" spans="1:11" ht="20.100000000000001" customHeight="1">
      <c r="A41" s="20" t="s">
        <v>77</v>
      </c>
      <c r="B41" s="20"/>
      <c r="C41" s="16">
        <v>436</v>
      </c>
      <c r="D41" s="17">
        <v>230</v>
      </c>
      <c r="E41" s="17">
        <v>206</v>
      </c>
      <c r="F41" s="17"/>
      <c r="G41" s="21" t="s">
        <v>78</v>
      </c>
      <c r="H41" s="20"/>
      <c r="I41" s="16">
        <v>624</v>
      </c>
      <c r="J41" s="17">
        <v>264</v>
      </c>
      <c r="K41" s="17">
        <v>360</v>
      </c>
    </row>
    <row r="42" spans="1:11" ht="15" customHeight="1">
      <c r="A42" s="20" t="s">
        <v>79</v>
      </c>
      <c r="B42" s="20"/>
      <c r="C42" s="16">
        <v>75</v>
      </c>
      <c r="D42" s="22">
        <v>38</v>
      </c>
      <c r="E42" s="22">
        <v>37</v>
      </c>
      <c r="F42" s="22"/>
      <c r="G42" s="21" t="s">
        <v>80</v>
      </c>
      <c r="H42" s="20"/>
      <c r="I42" s="16">
        <v>148</v>
      </c>
      <c r="J42" s="22">
        <v>73</v>
      </c>
      <c r="K42" s="22">
        <v>75</v>
      </c>
    </row>
    <row r="43" spans="1:11" ht="15" customHeight="1">
      <c r="A43" s="20" t="s">
        <v>81</v>
      </c>
      <c r="B43" s="20"/>
      <c r="C43" s="16">
        <v>86</v>
      </c>
      <c r="D43" s="22">
        <v>39</v>
      </c>
      <c r="E43" s="22">
        <v>47</v>
      </c>
      <c r="F43" s="22"/>
      <c r="G43" s="21" t="s">
        <v>82</v>
      </c>
      <c r="H43" s="20"/>
      <c r="I43" s="16">
        <v>137</v>
      </c>
      <c r="J43" s="22">
        <v>53</v>
      </c>
      <c r="K43" s="22">
        <v>84</v>
      </c>
    </row>
    <row r="44" spans="1:11" ht="15" customHeight="1">
      <c r="A44" s="20" t="s">
        <v>83</v>
      </c>
      <c r="B44" s="20"/>
      <c r="C44" s="16">
        <v>86</v>
      </c>
      <c r="D44" s="22">
        <v>49</v>
      </c>
      <c r="E44" s="22">
        <v>37</v>
      </c>
      <c r="F44" s="22"/>
      <c r="G44" s="21" t="s">
        <v>84</v>
      </c>
      <c r="H44" s="20"/>
      <c r="I44" s="16">
        <v>139</v>
      </c>
      <c r="J44" s="22">
        <v>57</v>
      </c>
      <c r="K44" s="22">
        <v>82</v>
      </c>
    </row>
    <row r="45" spans="1:11" ht="15" customHeight="1">
      <c r="A45" s="20" t="s">
        <v>85</v>
      </c>
      <c r="B45" s="20"/>
      <c r="C45" s="16">
        <v>91</v>
      </c>
      <c r="D45" s="22">
        <v>53</v>
      </c>
      <c r="E45" s="22">
        <v>38</v>
      </c>
      <c r="F45" s="22"/>
      <c r="G45" s="21" t="s">
        <v>86</v>
      </c>
      <c r="H45" s="20"/>
      <c r="I45" s="16">
        <v>88</v>
      </c>
      <c r="J45" s="22">
        <v>43</v>
      </c>
      <c r="K45" s="22">
        <v>45</v>
      </c>
    </row>
    <row r="46" spans="1:11" ht="15" customHeight="1">
      <c r="A46" s="20" t="s">
        <v>87</v>
      </c>
      <c r="B46" s="20"/>
      <c r="C46" s="16">
        <v>98</v>
      </c>
      <c r="D46" s="22">
        <v>51</v>
      </c>
      <c r="E46" s="22">
        <v>47</v>
      </c>
      <c r="F46" s="22"/>
      <c r="G46" s="21" t="s">
        <v>88</v>
      </c>
      <c r="H46" s="20"/>
      <c r="I46" s="16">
        <v>112</v>
      </c>
      <c r="J46" s="22">
        <v>38</v>
      </c>
      <c r="K46" s="22">
        <v>74</v>
      </c>
    </row>
    <row r="47" spans="1:11" ht="20.100000000000001" customHeight="1">
      <c r="A47" s="20" t="s">
        <v>89</v>
      </c>
      <c r="B47" s="20"/>
      <c r="C47" s="16">
        <v>522</v>
      </c>
      <c r="D47" s="17">
        <v>274</v>
      </c>
      <c r="E47" s="17">
        <v>248</v>
      </c>
      <c r="F47" s="17"/>
      <c r="G47" s="21" t="s">
        <v>90</v>
      </c>
      <c r="H47" s="20"/>
      <c r="I47" s="16">
        <v>396</v>
      </c>
      <c r="J47" s="17">
        <v>140</v>
      </c>
      <c r="K47" s="17">
        <v>256</v>
      </c>
    </row>
    <row r="48" spans="1:11" ht="15" customHeight="1">
      <c r="A48" s="20" t="s">
        <v>91</v>
      </c>
      <c r="B48" s="20"/>
      <c r="C48" s="16">
        <v>105</v>
      </c>
      <c r="D48" s="22">
        <v>59</v>
      </c>
      <c r="E48" s="22">
        <v>46</v>
      </c>
      <c r="F48" s="22"/>
      <c r="G48" s="21" t="s">
        <v>92</v>
      </c>
      <c r="H48" s="20"/>
      <c r="I48" s="16">
        <v>96</v>
      </c>
      <c r="J48" s="22">
        <v>40</v>
      </c>
      <c r="K48" s="22">
        <v>56</v>
      </c>
    </row>
    <row r="49" spans="1:11" ht="15" customHeight="1">
      <c r="A49" s="20" t="s">
        <v>93</v>
      </c>
      <c r="B49" s="20"/>
      <c r="C49" s="16">
        <v>113</v>
      </c>
      <c r="D49" s="22">
        <v>62</v>
      </c>
      <c r="E49" s="22">
        <v>51</v>
      </c>
      <c r="F49" s="22"/>
      <c r="G49" s="21" t="s">
        <v>94</v>
      </c>
      <c r="H49" s="20"/>
      <c r="I49" s="16">
        <v>96</v>
      </c>
      <c r="J49" s="22">
        <v>36</v>
      </c>
      <c r="K49" s="22">
        <v>60</v>
      </c>
    </row>
    <row r="50" spans="1:11" ht="15" customHeight="1">
      <c r="A50" s="20" t="s">
        <v>95</v>
      </c>
      <c r="B50" s="20"/>
      <c r="C50" s="16">
        <v>101</v>
      </c>
      <c r="D50" s="22">
        <v>45</v>
      </c>
      <c r="E50" s="22">
        <v>56</v>
      </c>
      <c r="F50" s="22"/>
      <c r="G50" s="21" t="s">
        <v>96</v>
      </c>
      <c r="H50" s="20"/>
      <c r="I50" s="16">
        <v>81</v>
      </c>
      <c r="J50" s="22">
        <v>27</v>
      </c>
      <c r="K50" s="22">
        <v>54</v>
      </c>
    </row>
    <row r="51" spans="1:11" ht="15" customHeight="1">
      <c r="A51" s="20" t="s">
        <v>97</v>
      </c>
      <c r="B51" s="20"/>
      <c r="C51" s="16">
        <v>104</v>
      </c>
      <c r="D51" s="22">
        <v>49</v>
      </c>
      <c r="E51" s="22">
        <v>55</v>
      </c>
      <c r="F51" s="22"/>
      <c r="G51" s="21" t="s">
        <v>98</v>
      </c>
      <c r="H51" s="20"/>
      <c r="I51" s="16">
        <v>65</v>
      </c>
      <c r="J51" s="22">
        <v>21</v>
      </c>
      <c r="K51" s="22">
        <v>44</v>
      </c>
    </row>
    <row r="52" spans="1:11" ht="15" customHeight="1">
      <c r="A52" s="20" t="s">
        <v>99</v>
      </c>
      <c r="B52" s="20"/>
      <c r="C52" s="16">
        <v>99</v>
      </c>
      <c r="D52" s="22">
        <v>59</v>
      </c>
      <c r="E52" s="22">
        <v>40</v>
      </c>
      <c r="F52" s="22"/>
      <c r="G52" s="21" t="s">
        <v>100</v>
      </c>
      <c r="H52" s="20"/>
      <c r="I52" s="16">
        <v>58</v>
      </c>
      <c r="J52" s="22">
        <v>16</v>
      </c>
      <c r="K52" s="22">
        <v>42</v>
      </c>
    </row>
    <row r="53" spans="1:11" ht="20.100000000000001" customHeight="1">
      <c r="A53" s="20" t="s">
        <v>101</v>
      </c>
      <c r="B53" s="20"/>
      <c r="C53" s="16">
        <v>591</v>
      </c>
      <c r="D53" s="17">
        <v>296</v>
      </c>
      <c r="E53" s="17">
        <v>295</v>
      </c>
      <c r="F53" s="17"/>
      <c r="G53" s="21" t="s">
        <v>102</v>
      </c>
      <c r="H53" s="20"/>
      <c r="I53" s="16">
        <v>179</v>
      </c>
      <c r="J53" s="17">
        <v>47</v>
      </c>
      <c r="K53" s="17">
        <v>132</v>
      </c>
    </row>
    <row r="54" spans="1:11" ht="15" customHeight="1">
      <c r="A54" s="20" t="s">
        <v>103</v>
      </c>
      <c r="B54" s="20"/>
      <c r="C54" s="16">
        <v>103</v>
      </c>
      <c r="D54" s="22">
        <v>49</v>
      </c>
      <c r="E54" s="22">
        <v>54</v>
      </c>
      <c r="F54" s="22"/>
      <c r="G54" s="21" t="s">
        <v>104</v>
      </c>
      <c r="H54" s="20"/>
      <c r="I54" s="16">
        <v>56</v>
      </c>
      <c r="J54" s="22">
        <v>19</v>
      </c>
      <c r="K54" s="22">
        <v>37</v>
      </c>
    </row>
    <row r="55" spans="1:11" ht="15" customHeight="1">
      <c r="A55" s="20" t="s">
        <v>105</v>
      </c>
      <c r="B55" s="20"/>
      <c r="C55" s="16">
        <v>102</v>
      </c>
      <c r="D55" s="22">
        <v>51</v>
      </c>
      <c r="E55" s="22">
        <v>51</v>
      </c>
      <c r="F55" s="22"/>
      <c r="G55" s="21" t="s">
        <v>106</v>
      </c>
      <c r="H55" s="20"/>
      <c r="I55" s="16">
        <v>42</v>
      </c>
      <c r="J55" s="22">
        <v>8</v>
      </c>
      <c r="K55" s="22">
        <v>34</v>
      </c>
    </row>
    <row r="56" spans="1:11" ht="15" customHeight="1">
      <c r="A56" s="20" t="s">
        <v>107</v>
      </c>
      <c r="B56" s="20"/>
      <c r="C56" s="16">
        <v>109</v>
      </c>
      <c r="D56" s="22">
        <v>60</v>
      </c>
      <c r="E56" s="22">
        <v>49</v>
      </c>
      <c r="F56" s="22"/>
      <c r="G56" s="21" t="s">
        <v>108</v>
      </c>
      <c r="H56" s="20"/>
      <c r="I56" s="16">
        <v>31</v>
      </c>
      <c r="J56" s="22">
        <v>10</v>
      </c>
      <c r="K56" s="22">
        <v>21</v>
      </c>
    </row>
    <row r="57" spans="1:11" ht="15" customHeight="1">
      <c r="A57" s="20" t="s">
        <v>109</v>
      </c>
      <c r="B57" s="20"/>
      <c r="C57" s="16">
        <v>134</v>
      </c>
      <c r="D57" s="22">
        <v>70</v>
      </c>
      <c r="E57" s="22">
        <v>64</v>
      </c>
      <c r="F57" s="22"/>
      <c r="G57" s="21" t="s">
        <v>110</v>
      </c>
      <c r="H57" s="20"/>
      <c r="I57" s="16">
        <v>29</v>
      </c>
      <c r="J57" s="22">
        <v>6</v>
      </c>
      <c r="K57" s="22">
        <v>23</v>
      </c>
    </row>
    <row r="58" spans="1:11" ht="15" customHeight="1">
      <c r="A58" s="20" t="s">
        <v>111</v>
      </c>
      <c r="B58" s="20"/>
      <c r="C58" s="16">
        <v>143</v>
      </c>
      <c r="D58" s="22">
        <v>66</v>
      </c>
      <c r="E58" s="22">
        <v>77</v>
      </c>
      <c r="F58" s="22"/>
      <c r="G58" s="21" t="s">
        <v>112</v>
      </c>
      <c r="H58" s="20"/>
      <c r="I58" s="16">
        <v>21</v>
      </c>
      <c r="J58" s="22">
        <v>4</v>
      </c>
      <c r="K58" s="22">
        <v>17</v>
      </c>
    </row>
    <row r="59" spans="1:11" ht="20.100000000000001" customHeight="1">
      <c r="A59" s="20" t="s">
        <v>113</v>
      </c>
      <c r="B59" s="20"/>
      <c r="C59" s="16">
        <v>691</v>
      </c>
      <c r="D59" s="17">
        <v>382</v>
      </c>
      <c r="E59" s="17">
        <v>309</v>
      </c>
      <c r="F59" s="17"/>
      <c r="G59" s="21" t="s">
        <v>114</v>
      </c>
      <c r="H59" s="20"/>
      <c r="I59" s="16">
        <v>49</v>
      </c>
      <c r="J59" s="17">
        <v>13</v>
      </c>
      <c r="K59" s="17">
        <v>36</v>
      </c>
    </row>
    <row r="60" spans="1:11" ht="15" customHeight="1">
      <c r="A60" s="20" t="s">
        <v>115</v>
      </c>
      <c r="B60" s="20"/>
      <c r="C60" s="16">
        <v>132</v>
      </c>
      <c r="D60" s="22">
        <v>73</v>
      </c>
      <c r="E60" s="22">
        <v>59</v>
      </c>
      <c r="F60" s="22"/>
      <c r="G60" s="21" t="s">
        <v>116</v>
      </c>
      <c r="H60" s="20"/>
      <c r="I60" s="16">
        <v>19</v>
      </c>
      <c r="J60" s="22">
        <v>5</v>
      </c>
      <c r="K60" s="22">
        <v>14</v>
      </c>
    </row>
    <row r="61" spans="1:11" ht="15" customHeight="1">
      <c r="A61" s="20" t="s">
        <v>117</v>
      </c>
      <c r="B61" s="20"/>
      <c r="C61" s="16">
        <v>118</v>
      </c>
      <c r="D61" s="22">
        <v>62</v>
      </c>
      <c r="E61" s="22">
        <v>56</v>
      </c>
      <c r="F61" s="22"/>
      <c r="G61" s="21" t="s">
        <v>118</v>
      </c>
      <c r="H61" s="20"/>
      <c r="I61" s="16">
        <v>12</v>
      </c>
      <c r="J61" s="22">
        <v>2</v>
      </c>
      <c r="K61" s="22">
        <v>10</v>
      </c>
    </row>
    <row r="62" spans="1:11" ht="15" customHeight="1">
      <c r="A62" s="20" t="s">
        <v>119</v>
      </c>
      <c r="B62" s="20"/>
      <c r="C62" s="16">
        <v>114</v>
      </c>
      <c r="D62" s="22">
        <v>60</v>
      </c>
      <c r="E62" s="22">
        <v>54</v>
      </c>
      <c r="F62" s="22"/>
      <c r="G62" s="21" t="s">
        <v>120</v>
      </c>
      <c r="H62" s="20"/>
      <c r="I62" s="16">
        <v>10</v>
      </c>
      <c r="J62" s="22">
        <v>3</v>
      </c>
      <c r="K62" s="22">
        <v>7</v>
      </c>
    </row>
    <row r="63" spans="1:11" ht="15" customHeight="1">
      <c r="A63" s="20" t="s">
        <v>121</v>
      </c>
      <c r="B63" s="20"/>
      <c r="C63" s="16">
        <v>144</v>
      </c>
      <c r="D63" s="22">
        <v>79</v>
      </c>
      <c r="E63" s="22">
        <v>65</v>
      </c>
      <c r="F63" s="22"/>
      <c r="G63" s="21" t="s">
        <v>122</v>
      </c>
      <c r="H63" s="20"/>
      <c r="I63" s="16">
        <v>3</v>
      </c>
      <c r="J63" s="22">
        <v>3</v>
      </c>
      <c r="K63" s="22">
        <v>0</v>
      </c>
    </row>
    <row r="64" spans="1:11" ht="15" customHeight="1">
      <c r="A64" s="20" t="s">
        <v>123</v>
      </c>
      <c r="B64" s="20"/>
      <c r="C64" s="16">
        <v>183</v>
      </c>
      <c r="D64" s="22">
        <v>108</v>
      </c>
      <c r="E64" s="22">
        <v>75</v>
      </c>
      <c r="F64" s="22"/>
      <c r="G64" s="21" t="s">
        <v>124</v>
      </c>
      <c r="H64" s="20"/>
      <c r="I64" s="16">
        <v>5</v>
      </c>
      <c r="J64" s="22">
        <v>0</v>
      </c>
      <c r="K64" s="22">
        <v>5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7</v>
      </c>
      <c r="J65" s="22">
        <v>1</v>
      </c>
      <c r="K65" s="22">
        <v>6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125</v>
      </c>
      <c r="J66" s="32">
        <v>79</v>
      </c>
      <c r="K66" s="32">
        <v>46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3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52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9350</v>
      </c>
      <c r="D4" s="17">
        <v>4633</v>
      </c>
      <c r="E4" s="17">
        <v>4717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67</v>
      </c>
      <c r="D5" s="17">
        <v>86</v>
      </c>
      <c r="E5" s="17">
        <v>81</v>
      </c>
      <c r="F5" s="17"/>
      <c r="G5" s="21" t="s">
        <v>6</v>
      </c>
      <c r="H5" s="20"/>
      <c r="I5" s="16">
        <v>619</v>
      </c>
      <c r="J5" s="17">
        <v>316</v>
      </c>
      <c r="K5" s="17">
        <v>303</v>
      </c>
    </row>
    <row r="6" spans="1:11" ht="15" customHeight="1">
      <c r="A6" s="20" t="s">
        <v>7</v>
      </c>
      <c r="B6" s="20"/>
      <c r="C6" s="16">
        <v>28</v>
      </c>
      <c r="D6" s="22">
        <v>13</v>
      </c>
      <c r="E6" s="22">
        <v>15</v>
      </c>
      <c r="F6" s="22"/>
      <c r="G6" s="21" t="s">
        <v>8</v>
      </c>
      <c r="H6" s="20"/>
      <c r="I6" s="16">
        <v>116</v>
      </c>
      <c r="J6" s="22">
        <v>58</v>
      </c>
      <c r="K6" s="22">
        <v>58</v>
      </c>
    </row>
    <row r="7" spans="1:11" ht="15" customHeight="1">
      <c r="A7" s="20" t="s">
        <v>9</v>
      </c>
      <c r="B7" s="20"/>
      <c r="C7" s="16">
        <v>33</v>
      </c>
      <c r="D7" s="22">
        <v>17</v>
      </c>
      <c r="E7" s="22">
        <v>16</v>
      </c>
      <c r="F7" s="22"/>
      <c r="G7" s="21" t="s">
        <v>10</v>
      </c>
      <c r="H7" s="20"/>
      <c r="I7" s="16">
        <v>104</v>
      </c>
      <c r="J7" s="22">
        <v>51</v>
      </c>
      <c r="K7" s="22">
        <v>53</v>
      </c>
    </row>
    <row r="8" spans="1:11" ht="15" customHeight="1">
      <c r="A8" s="20" t="s">
        <v>11</v>
      </c>
      <c r="B8" s="20"/>
      <c r="C8" s="16">
        <v>24</v>
      </c>
      <c r="D8" s="22">
        <v>13</v>
      </c>
      <c r="E8" s="22">
        <v>11</v>
      </c>
      <c r="F8" s="22"/>
      <c r="G8" s="21" t="s">
        <v>12</v>
      </c>
      <c r="H8" s="20"/>
      <c r="I8" s="16">
        <v>143</v>
      </c>
      <c r="J8" s="22">
        <v>73</v>
      </c>
      <c r="K8" s="22">
        <v>70</v>
      </c>
    </row>
    <row r="9" spans="1:11" ht="15" customHeight="1">
      <c r="A9" s="20" t="s">
        <v>13</v>
      </c>
      <c r="B9" s="20"/>
      <c r="C9" s="16">
        <v>46</v>
      </c>
      <c r="D9" s="22">
        <v>27</v>
      </c>
      <c r="E9" s="22">
        <v>19</v>
      </c>
      <c r="F9" s="22"/>
      <c r="G9" s="21" t="s">
        <v>14</v>
      </c>
      <c r="H9" s="20"/>
      <c r="I9" s="16">
        <v>125</v>
      </c>
      <c r="J9" s="22">
        <v>67</v>
      </c>
      <c r="K9" s="22">
        <v>58</v>
      </c>
    </row>
    <row r="10" spans="1:11" ht="15" customHeight="1">
      <c r="A10" s="20" t="s">
        <v>15</v>
      </c>
      <c r="B10" s="20"/>
      <c r="C10" s="16">
        <v>36</v>
      </c>
      <c r="D10" s="22">
        <v>16</v>
      </c>
      <c r="E10" s="22">
        <v>20</v>
      </c>
      <c r="F10" s="22"/>
      <c r="G10" s="21" t="s">
        <v>16</v>
      </c>
      <c r="H10" s="20"/>
      <c r="I10" s="16">
        <v>131</v>
      </c>
      <c r="J10" s="22">
        <v>67</v>
      </c>
      <c r="K10" s="22">
        <v>64</v>
      </c>
    </row>
    <row r="11" spans="1:11" ht="20.100000000000001" customHeight="1">
      <c r="A11" s="20" t="s">
        <v>17</v>
      </c>
      <c r="B11" s="20"/>
      <c r="C11" s="16">
        <v>283</v>
      </c>
      <c r="D11" s="17">
        <v>139</v>
      </c>
      <c r="E11" s="17">
        <v>144</v>
      </c>
      <c r="F11" s="17"/>
      <c r="G11" s="21" t="s">
        <v>18</v>
      </c>
      <c r="H11" s="20"/>
      <c r="I11" s="16">
        <v>624</v>
      </c>
      <c r="J11" s="17">
        <v>331</v>
      </c>
      <c r="K11" s="17">
        <v>293</v>
      </c>
    </row>
    <row r="12" spans="1:11" ht="15" customHeight="1">
      <c r="A12" s="20" t="s">
        <v>19</v>
      </c>
      <c r="B12" s="20"/>
      <c r="C12" s="16">
        <v>46</v>
      </c>
      <c r="D12" s="22">
        <v>22</v>
      </c>
      <c r="E12" s="22">
        <v>24</v>
      </c>
      <c r="F12" s="22"/>
      <c r="G12" s="21" t="s">
        <v>20</v>
      </c>
      <c r="H12" s="20"/>
      <c r="I12" s="16">
        <v>134</v>
      </c>
      <c r="J12" s="22">
        <v>72</v>
      </c>
      <c r="K12" s="22">
        <v>62</v>
      </c>
    </row>
    <row r="13" spans="1:11" ht="15" customHeight="1">
      <c r="A13" s="20" t="s">
        <v>21</v>
      </c>
      <c r="B13" s="20"/>
      <c r="C13" s="16">
        <v>43</v>
      </c>
      <c r="D13" s="22">
        <v>23</v>
      </c>
      <c r="E13" s="22">
        <v>20</v>
      </c>
      <c r="F13" s="22"/>
      <c r="G13" s="21" t="s">
        <v>22</v>
      </c>
      <c r="H13" s="20"/>
      <c r="I13" s="16">
        <v>104</v>
      </c>
      <c r="J13" s="22">
        <v>50</v>
      </c>
      <c r="K13" s="22">
        <v>54</v>
      </c>
    </row>
    <row r="14" spans="1:11" ht="15" customHeight="1">
      <c r="A14" s="20" t="s">
        <v>23</v>
      </c>
      <c r="B14" s="20"/>
      <c r="C14" s="16">
        <v>57</v>
      </c>
      <c r="D14" s="22">
        <v>30</v>
      </c>
      <c r="E14" s="22">
        <v>27</v>
      </c>
      <c r="F14" s="22"/>
      <c r="G14" s="21" t="s">
        <v>24</v>
      </c>
      <c r="H14" s="20"/>
      <c r="I14" s="16">
        <v>147</v>
      </c>
      <c r="J14" s="22">
        <v>87</v>
      </c>
      <c r="K14" s="22">
        <v>60</v>
      </c>
    </row>
    <row r="15" spans="1:11" ht="15" customHeight="1">
      <c r="A15" s="20" t="s">
        <v>25</v>
      </c>
      <c r="B15" s="20"/>
      <c r="C15" s="16">
        <v>59</v>
      </c>
      <c r="D15" s="22">
        <v>28</v>
      </c>
      <c r="E15" s="22">
        <v>31</v>
      </c>
      <c r="F15" s="22"/>
      <c r="G15" s="21" t="s">
        <v>26</v>
      </c>
      <c r="H15" s="20"/>
      <c r="I15" s="16">
        <v>119</v>
      </c>
      <c r="J15" s="22">
        <v>56</v>
      </c>
      <c r="K15" s="22">
        <v>63</v>
      </c>
    </row>
    <row r="16" spans="1:11" ht="15" customHeight="1">
      <c r="A16" s="20" t="s">
        <v>27</v>
      </c>
      <c r="B16" s="20"/>
      <c r="C16" s="16">
        <v>78</v>
      </c>
      <c r="D16" s="22">
        <v>36</v>
      </c>
      <c r="E16" s="22">
        <v>42</v>
      </c>
      <c r="F16" s="22"/>
      <c r="G16" s="21" t="s">
        <v>28</v>
      </c>
      <c r="H16" s="20"/>
      <c r="I16" s="16">
        <v>120</v>
      </c>
      <c r="J16" s="22">
        <v>66</v>
      </c>
      <c r="K16" s="22">
        <v>54</v>
      </c>
    </row>
    <row r="17" spans="1:11" ht="20.100000000000001" customHeight="1">
      <c r="A17" s="24" t="s">
        <v>29</v>
      </c>
      <c r="B17" s="24"/>
      <c r="C17" s="16">
        <v>315</v>
      </c>
      <c r="D17" s="17">
        <v>158</v>
      </c>
      <c r="E17" s="17">
        <v>157</v>
      </c>
      <c r="F17" s="17"/>
      <c r="G17" s="21" t="s">
        <v>30</v>
      </c>
      <c r="H17" s="20"/>
      <c r="I17" s="16">
        <v>702</v>
      </c>
      <c r="J17" s="17">
        <v>360</v>
      </c>
      <c r="K17" s="17">
        <v>342</v>
      </c>
    </row>
    <row r="18" spans="1:11" ht="15" customHeight="1">
      <c r="A18" s="20" t="s">
        <v>31</v>
      </c>
      <c r="B18" s="20"/>
      <c r="C18" s="16">
        <v>64</v>
      </c>
      <c r="D18" s="22">
        <v>27</v>
      </c>
      <c r="E18" s="22">
        <v>37</v>
      </c>
      <c r="F18" s="22"/>
      <c r="G18" s="21" t="s">
        <v>32</v>
      </c>
      <c r="H18" s="20"/>
      <c r="I18" s="16">
        <v>130</v>
      </c>
      <c r="J18" s="22">
        <v>73</v>
      </c>
      <c r="K18" s="22">
        <v>57</v>
      </c>
    </row>
    <row r="19" spans="1:11" ht="15" customHeight="1">
      <c r="A19" s="20" t="s">
        <v>33</v>
      </c>
      <c r="B19" s="20"/>
      <c r="C19" s="16">
        <v>61</v>
      </c>
      <c r="D19" s="22">
        <v>30</v>
      </c>
      <c r="E19" s="22">
        <v>31</v>
      </c>
      <c r="F19" s="22"/>
      <c r="G19" s="21" t="s">
        <v>34</v>
      </c>
      <c r="H19" s="20"/>
      <c r="I19" s="16">
        <v>128</v>
      </c>
      <c r="J19" s="22">
        <v>56</v>
      </c>
      <c r="K19" s="22">
        <v>72</v>
      </c>
    </row>
    <row r="20" spans="1:11" ht="15" customHeight="1">
      <c r="A20" s="20" t="s">
        <v>35</v>
      </c>
      <c r="B20" s="20"/>
      <c r="C20" s="16">
        <v>60</v>
      </c>
      <c r="D20" s="22">
        <v>35</v>
      </c>
      <c r="E20" s="22">
        <v>25</v>
      </c>
      <c r="F20" s="22"/>
      <c r="G20" s="21" t="s">
        <v>36</v>
      </c>
      <c r="H20" s="20"/>
      <c r="I20" s="16">
        <v>141</v>
      </c>
      <c r="J20" s="22">
        <v>74</v>
      </c>
      <c r="K20" s="22">
        <v>67</v>
      </c>
    </row>
    <row r="21" spans="1:11" ht="15" customHeight="1">
      <c r="A21" s="20" t="s">
        <v>37</v>
      </c>
      <c r="B21" s="20"/>
      <c r="C21" s="16">
        <v>62</v>
      </c>
      <c r="D21" s="22">
        <v>34</v>
      </c>
      <c r="E21" s="22">
        <v>28</v>
      </c>
      <c r="F21" s="22"/>
      <c r="G21" s="21" t="s">
        <v>38</v>
      </c>
      <c r="H21" s="20"/>
      <c r="I21" s="16">
        <v>138</v>
      </c>
      <c r="J21" s="22">
        <v>73</v>
      </c>
      <c r="K21" s="22">
        <v>65</v>
      </c>
    </row>
    <row r="22" spans="1:11" ht="15" customHeight="1">
      <c r="A22" s="20" t="s">
        <v>39</v>
      </c>
      <c r="B22" s="20"/>
      <c r="C22" s="16">
        <v>68</v>
      </c>
      <c r="D22" s="22">
        <v>32</v>
      </c>
      <c r="E22" s="22">
        <v>36</v>
      </c>
      <c r="F22" s="22"/>
      <c r="G22" s="21" t="s">
        <v>40</v>
      </c>
      <c r="H22" s="20"/>
      <c r="I22" s="16">
        <v>165</v>
      </c>
      <c r="J22" s="22">
        <v>84</v>
      </c>
      <c r="K22" s="22">
        <v>81</v>
      </c>
    </row>
    <row r="23" spans="1:11" ht="20.100000000000001" customHeight="1">
      <c r="A23" s="20" t="s">
        <v>41</v>
      </c>
      <c r="B23" s="20"/>
      <c r="C23" s="16">
        <v>350</v>
      </c>
      <c r="D23" s="17">
        <v>180</v>
      </c>
      <c r="E23" s="17">
        <v>170</v>
      </c>
      <c r="F23" s="17"/>
      <c r="G23" s="21" t="s">
        <v>42</v>
      </c>
      <c r="H23" s="20"/>
      <c r="I23" s="16">
        <v>833</v>
      </c>
      <c r="J23" s="17">
        <v>404</v>
      </c>
      <c r="K23" s="17">
        <v>429</v>
      </c>
    </row>
    <row r="24" spans="1:11" ht="15" customHeight="1">
      <c r="A24" s="20" t="s">
        <v>43</v>
      </c>
      <c r="B24" s="20"/>
      <c r="C24" s="16">
        <v>61</v>
      </c>
      <c r="D24" s="22">
        <v>31</v>
      </c>
      <c r="E24" s="22">
        <v>30</v>
      </c>
      <c r="F24" s="22"/>
      <c r="G24" s="21" t="s">
        <v>44</v>
      </c>
      <c r="H24" s="20"/>
      <c r="I24" s="16">
        <v>149</v>
      </c>
      <c r="J24" s="22">
        <v>77</v>
      </c>
      <c r="K24" s="22">
        <v>72</v>
      </c>
    </row>
    <row r="25" spans="1:11" ht="15" customHeight="1">
      <c r="A25" s="20" t="s">
        <v>45</v>
      </c>
      <c r="B25" s="20"/>
      <c r="C25" s="16">
        <v>75</v>
      </c>
      <c r="D25" s="22">
        <v>36</v>
      </c>
      <c r="E25" s="22">
        <v>39</v>
      </c>
      <c r="F25" s="22"/>
      <c r="G25" s="21" t="s">
        <v>46</v>
      </c>
      <c r="H25" s="20"/>
      <c r="I25" s="16">
        <v>176</v>
      </c>
      <c r="J25" s="22">
        <v>90</v>
      </c>
      <c r="K25" s="22">
        <v>86</v>
      </c>
    </row>
    <row r="26" spans="1:11" ht="15" customHeight="1">
      <c r="A26" s="20" t="s">
        <v>47</v>
      </c>
      <c r="B26" s="20"/>
      <c r="C26" s="16">
        <v>64</v>
      </c>
      <c r="D26" s="22">
        <v>34</v>
      </c>
      <c r="E26" s="22">
        <v>30</v>
      </c>
      <c r="F26" s="22"/>
      <c r="G26" s="21" t="s">
        <v>48</v>
      </c>
      <c r="H26" s="20"/>
      <c r="I26" s="16">
        <v>167</v>
      </c>
      <c r="J26" s="22">
        <v>76</v>
      </c>
      <c r="K26" s="22">
        <v>91</v>
      </c>
    </row>
    <row r="27" spans="1:11" ht="15" customHeight="1">
      <c r="A27" s="20" t="s">
        <v>49</v>
      </c>
      <c r="B27" s="20"/>
      <c r="C27" s="16">
        <v>75</v>
      </c>
      <c r="D27" s="22">
        <v>39</v>
      </c>
      <c r="E27" s="22">
        <v>36</v>
      </c>
      <c r="F27" s="22"/>
      <c r="G27" s="21" t="s">
        <v>50</v>
      </c>
      <c r="H27" s="20"/>
      <c r="I27" s="16">
        <v>165</v>
      </c>
      <c r="J27" s="22">
        <v>70</v>
      </c>
      <c r="K27" s="22">
        <v>95</v>
      </c>
    </row>
    <row r="28" spans="1:11" ht="15" customHeight="1">
      <c r="A28" s="20" t="s">
        <v>51</v>
      </c>
      <c r="B28" s="20"/>
      <c r="C28" s="16">
        <v>75</v>
      </c>
      <c r="D28" s="22">
        <v>40</v>
      </c>
      <c r="E28" s="22">
        <v>35</v>
      </c>
      <c r="F28" s="22"/>
      <c r="G28" s="21" t="s">
        <v>52</v>
      </c>
      <c r="H28" s="20"/>
      <c r="I28" s="16">
        <v>176</v>
      </c>
      <c r="J28" s="22">
        <v>91</v>
      </c>
      <c r="K28" s="22">
        <v>85</v>
      </c>
    </row>
    <row r="29" spans="1:11" ht="20.100000000000001" customHeight="1">
      <c r="A29" s="20" t="s">
        <v>53</v>
      </c>
      <c r="B29" s="20"/>
      <c r="C29" s="16">
        <v>328</v>
      </c>
      <c r="D29" s="17">
        <v>185</v>
      </c>
      <c r="E29" s="17">
        <v>143</v>
      </c>
      <c r="F29" s="17"/>
      <c r="G29" s="21" t="s">
        <v>54</v>
      </c>
      <c r="H29" s="20"/>
      <c r="I29" s="16">
        <v>1040</v>
      </c>
      <c r="J29" s="17">
        <v>506</v>
      </c>
      <c r="K29" s="17">
        <v>534</v>
      </c>
    </row>
    <row r="30" spans="1:11" ht="15" customHeight="1">
      <c r="A30" s="20" t="s">
        <v>55</v>
      </c>
      <c r="B30" s="20"/>
      <c r="C30" s="16">
        <v>70</v>
      </c>
      <c r="D30" s="22">
        <v>35</v>
      </c>
      <c r="E30" s="22">
        <v>35</v>
      </c>
      <c r="F30" s="22"/>
      <c r="G30" s="21" t="s">
        <v>56</v>
      </c>
      <c r="H30" s="20"/>
      <c r="I30" s="16">
        <v>183</v>
      </c>
      <c r="J30" s="22">
        <v>91</v>
      </c>
      <c r="K30" s="22">
        <v>92</v>
      </c>
    </row>
    <row r="31" spans="1:11" ht="15" customHeight="1">
      <c r="A31" s="20" t="s">
        <v>57</v>
      </c>
      <c r="B31" s="20"/>
      <c r="C31" s="16">
        <v>71</v>
      </c>
      <c r="D31" s="22">
        <v>43</v>
      </c>
      <c r="E31" s="22">
        <v>28</v>
      </c>
      <c r="F31" s="22"/>
      <c r="G31" s="21" t="s">
        <v>58</v>
      </c>
      <c r="H31" s="20"/>
      <c r="I31" s="16">
        <v>186</v>
      </c>
      <c r="J31" s="22">
        <v>97</v>
      </c>
      <c r="K31" s="22">
        <v>89</v>
      </c>
    </row>
    <row r="32" spans="1:11" ht="15" customHeight="1">
      <c r="A32" s="20" t="s">
        <v>59</v>
      </c>
      <c r="B32" s="20"/>
      <c r="C32" s="16">
        <v>69</v>
      </c>
      <c r="D32" s="22">
        <v>37</v>
      </c>
      <c r="E32" s="22">
        <v>32</v>
      </c>
      <c r="F32" s="22"/>
      <c r="G32" s="21" t="s">
        <v>60</v>
      </c>
      <c r="H32" s="20"/>
      <c r="I32" s="16">
        <v>241</v>
      </c>
      <c r="J32" s="22">
        <v>115</v>
      </c>
      <c r="K32" s="22">
        <v>126</v>
      </c>
    </row>
    <row r="33" spans="1:11" ht="15" customHeight="1">
      <c r="A33" s="20" t="s">
        <v>61</v>
      </c>
      <c r="B33" s="20"/>
      <c r="C33" s="16">
        <v>67</v>
      </c>
      <c r="D33" s="22">
        <v>41</v>
      </c>
      <c r="E33" s="22">
        <v>26</v>
      </c>
      <c r="F33" s="22"/>
      <c r="G33" s="21" t="s">
        <v>62</v>
      </c>
      <c r="H33" s="20"/>
      <c r="I33" s="16">
        <v>221</v>
      </c>
      <c r="J33" s="22">
        <v>104</v>
      </c>
      <c r="K33" s="22">
        <v>117</v>
      </c>
    </row>
    <row r="34" spans="1:11" ht="15" customHeight="1">
      <c r="A34" s="20" t="s">
        <v>63</v>
      </c>
      <c r="B34" s="20"/>
      <c r="C34" s="16">
        <v>51</v>
      </c>
      <c r="D34" s="22">
        <v>29</v>
      </c>
      <c r="E34" s="22">
        <v>22</v>
      </c>
      <c r="F34" s="22"/>
      <c r="G34" s="21" t="s">
        <v>64</v>
      </c>
      <c r="H34" s="20"/>
      <c r="I34" s="16">
        <v>209</v>
      </c>
      <c r="J34" s="22">
        <v>99</v>
      </c>
      <c r="K34" s="22">
        <v>110</v>
      </c>
    </row>
    <row r="35" spans="1:11" ht="20.100000000000001" customHeight="1">
      <c r="A35" s="20" t="s">
        <v>65</v>
      </c>
      <c r="B35" s="20"/>
      <c r="C35" s="16">
        <v>287</v>
      </c>
      <c r="D35" s="17">
        <v>168</v>
      </c>
      <c r="E35" s="17">
        <v>119</v>
      </c>
      <c r="F35" s="17"/>
      <c r="G35" s="21" t="s">
        <v>66</v>
      </c>
      <c r="H35" s="20"/>
      <c r="I35" s="16">
        <v>740</v>
      </c>
      <c r="J35" s="17">
        <v>372</v>
      </c>
      <c r="K35" s="17">
        <v>368</v>
      </c>
    </row>
    <row r="36" spans="1:11" ht="15" customHeight="1">
      <c r="A36" s="20" t="s">
        <v>67</v>
      </c>
      <c r="B36" s="20"/>
      <c r="C36" s="16">
        <v>55</v>
      </c>
      <c r="D36" s="22">
        <v>29</v>
      </c>
      <c r="E36" s="22">
        <v>26</v>
      </c>
      <c r="F36" s="22"/>
      <c r="G36" s="21" t="s">
        <v>68</v>
      </c>
      <c r="H36" s="20"/>
      <c r="I36" s="16">
        <v>233</v>
      </c>
      <c r="J36" s="22">
        <v>120</v>
      </c>
      <c r="K36" s="22">
        <v>113</v>
      </c>
    </row>
    <row r="37" spans="1:11" ht="15" customHeight="1">
      <c r="A37" s="20" t="s">
        <v>69</v>
      </c>
      <c r="B37" s="20"/>
      <c r="C37" s="16">
        <v>58</v>
      </c>
      <c r="D37" s="22">
        <v>34</v>
      </c>
      <c r="E37" s="22">
        <v>24</v>
      </c>
      <c r="F37" s="22"/>
      <c r="G37" s="21" t="s">
        <v>70</v>
      </c>
      <c r="H37" s="20"/>
      <c r="I37" s="16">
        <v>131</v>
      </c>
      <c r="J37" s="22">
        <v>59</v>
      </c>
      <c r="K37" s="22">
        <v>72</v>
      </c>
    </row>
    <row r="38" spans="1:11" ht="15" customHeight="1">
      <c r="A38" s="20" t="s">
        <v>71</v>
      </c>
      <c r="B38" s="20"/>
      <c r="C38" s="16">
        <v>53</v>
      </c>
      <c r="D38" s="22">
        <v>29</v>
      </c>
      <c r="E38" s="22">
        <v>24</v>
      </c>
      <c r="F38" s="22"/>
      <c r="G38" s="21" t="s">
        <v>72</v>
      </c>
      <c r="H38" s="20"/>
      <c r="I38" s="16">
        <v>129</v>
      </c>
      <c r="J38" s="22">
        <v>64</v>
      </c>
      <c r="K38" s="22">
        <v>65</v>
      </c>
    </row>
    <row r="39" spans="1:11" ht="15" customHeight="1">
      <c r="A39" s="20" t="s">
        <v>73</v>
      </c>
      <c r="B39" s="20"/>
      <c r="C39" s="16">
        <v>66</v>
      </c>
      <c r="D39" s="22">
        <v>37</v>
      </c>
      <c r="E39" s="22">
        <v>29</v>
      </c>
      <c r="F39" s="22"/>
      <c r="G39" s="21" t="s">
        <v>74</v>
      </c>
      <c r="H39" s="20"/>
      <c r="I39" s="16">
        <v>124</v>
      </c>
      <c r="J39" s="22">
        <v>61</v>
      </c>
      <c r="K39" s="22">
        <v>63</v>
      </c>
    </row>
    <row r="40" spans="1:11" ht="15" customHeight="1">
      <c r="A40" s="20" t="s">
        <v>75</v>
      </c>
      <c r="B40" s="20"/>
      <c r="C40" s="16">
        <v>55</v>
      </c>
      <c r="D40" s="22">
        <v>39</v>
      </c>
      <c r="E40" s="22">
        <v>16</v>
      </c>
      <c r="F40" s="22"/>
      <c r="G40" s="21" t="s">
        <v>76</v>
      </c>
      <c r="H40" s="20"/>
      <c r="I40" s="16">
        <v>123</v>
      </c>
      <c r="J40" s="22">
        <v>68</v>
      </c>
      <c r="K40" s="22">
        <v>55</v>
      </c>
    </row>
    <row r="41" spans="1:11" ht="20.100000000000001" customHeight="1">
      <c r="A41" s="20" t="s">
        <v>77</v>
      </c>
      <c r="B41" s="20"/>
      <c r="C41" s="16">
        <v>316</v>
      </c>
      <c r="D41" s="17">
        <v>182</v>
      </c>
      <c r="E41" s="17">
        <v>134</v>
      </c>
      <c r="F41" s="17"/>
      <c r="G41" s="21" t="s">
        <v>78</v>
      </c>
      <c r="H41" s="20"/>
      <c r="I41" s="16">
        <v>578</v>
      </c>
      <c r="J41" s="17">
        <v>226</v>
      </c>
      <c r="K41" s="17">
        <v>352</v>
      </c>
    </row>
    <row r="42" spans="1:11" ht="15" customHeight="1">
      <c r="A42" s="20" t="s">
        <v>79</v>
      </c>
      <c r="B42" s="20"/>
      <c r="C42" s="16">
        <v>62</v>
      </c>
      <c r="D42" s="22">
        <v>40</v>
      </c>
      <c r="E42" s="22">
        <v>22</v>
      </c>
      <c r="F42" s="22"/>
      <c r="G42" s="21" t="s">
        <v>80</v>
      </c>
      <c r="H42" s="20"/>
      <c r="I42" s="16">
        <v>119</v>
      </c>
      <c r="J42" s="22">
        <v>47</v>
      </c>
      <c r="K42" s="22">
        <v>72</v>
      </c>
    </row>
    <row r="43" spans="1:11" ht="15" customHeight="1">
      <c r="A43" s="20" t="s">
        <v>81</v>
      </c>
      <c r="B43" s="20"/>
      <c r="C43" s="16">
        <v>55</v>
      </c>
      <c r="D43" s="22">
        <v>26</v>
      </c>
      <c r="E43" s="22">
        <v>29</v>
      </c>
      <c r="F43" s="22"/>
      <c r="G43" s="21" t="s">
        <v>82</v>
      </c>
      <c r="H43" s="20"/>
      <c r="I43" s="16">
        <v>132</v>
      </c>
      <c r="J43" s="22">
        <v>56</v>
      </c>
      <c r="K43" s="22">
        <v>76</v>
      </c>
    </row>
    <row r="44" spans="1:11" ht="15" customHeight="1">
      <c r="A44" s="20" t="s">
        <v>83</v>
      </c>
      <c r="B44" s="20"/>
      <c r="C44" s="16">
        <v>45</v>
      </c>
      <c r="D44" s="22">
        <v>27</v>
      </c>
      <c r="E44" s="22">
        <v>18</v>
      </c>
      <c r="F44" s="22"/>
      <c r="G44" s="21" t="s">
        <v>84</v>
      </c>
      <c r="H44" s="20"/>
      <c r="I44" s="16">
        <v>130</v>
      </c>
      <c r="J44" s="22">
        <v>45</v>
      </c>
      <c r="K44" s="22">
        <v>85</v>
      </c>
    </row>
    <row r="45" spans="1:11" ht="15" customHeight="1">
      <c r="A45" s="20" t="s">
        <v>85</v>
      </c>
      <c r="B45" s="20"/>
      <c r="C45" s="16">
        <v>71</v>
      </c>
      <c r="D45" s="22">
        <v>43</v>
      </c>
      <c r="E45" s="22">
        <v>28</v>
      </c>
      <c r="F45" s="22"/>
      <c r="G45" s="21" t="s">
        <v>86</v>
      </c>
      <c r="H45" s="20"/>
      <c r="I45" s="16">
        <v>93</v>
      </c>
      <c r="J45" s="22">
        <v>36</v>
      </c>
      <c r="K45" s="22">
        <v>57</v>
      </c>
    </row>
    <row r="46" spans="1:11" ht="15" customHeight="1">
      <c r="A46" s="20" t="s">
        <v>87</v>
      </c>
      <c r="B46" s="20"/>
      <c r="C46" s="16">
        <v>83</v>
      </c>
      <c r="D46" s="22">
        <v>46</v>
      </c>
      <c r="E46" s="22">
        <v>37</v>
      </c>
      <c r="F46" s="22"/>
      <c r="G46" s="21" t="s">
        <v>88</v>
      </c>
      <c r="H46" s="20"/>
      <c r="I46" s="16">
        <v>104</v>
      </c>
      <c r="J46" s="22">
        <v>42</v>
      </c>
      <c r="K46" s="22">
        <v>62</v>
      </c>
    </row>
    <row r="47" spans="1:11" ht="20.100000000000001" customHeight="1">
      <c r="A47" s="20" t="s">
        <v>89</v>
      </c>
      <c r="B47" s="20"/>
      <c r="C47" s="16">
        <v>409</v>
      </c>
      <c r="D47" s="17">
        <v>222</v>
      </c>
      <c r="E47" s="17">
        <v>187</v>
      </c>
      <c r="F47" s="17"/>
      <c r="G47" s="21" t="s">
        <v>90</v>
      </c>
      <c r="H47" s="20"/>
      <c r="I47" s="16">
        <v>412</v>
      </c>
      <c r="J47" s="17">
        <v>151</v>
      </c>
      <c r="K47" s="17">
        <v>261</v>
      </c>
    </row>
    <row r="48" spans="1:11" ht="15" customHeight="1">
      <c r="A48" s="20" t="s">
        <v>91</v>
      </c>
      <c r="B48" s="20"/>
      <c r="C48" s="16">
        <v>84</v>
      </c>
      <c r="D48" s="22">
        <v>44</v>
      </c>
      <c r="E48" s="22">
        <v>40</v>
      </c>
      <c r="F48" s="22"/>
      <c r="G48" s="21" t="s">
        <v>92</v>
      </c>
      <c r="H48" s="20"/>
      <c r="I48" s="16">
        <v>96</v>
      </c>
      <c r="J48" s="22">
        <v>38</v>
      </c>
      <c r="K48" s="22">
        <v>58</v>
      </c>
    </row>
    <row r="49" spans="1:11" ht="15" customHeight="1">
      <c r="A49" s="20" t="s">
        <v>93</v>
      </c>
      <c r="B49" s="20"/>
      <c r="C49" s="16">
        <v>72</v>
      </c>
      <c r="D49" s="22">
        <v>33</v>
      </c>
      <c r="E49" s="22">
        <v>39</v>
      </c>
      <c r="F49" s="22"/>
      <c r="G49" s="21" t="s">
        <v>94</v>
      </c>
      <c r="H49" s="20"/>
      <c r="I49" s="16">
        <v>90</v>
      </c>
      <c r="J49" s="22">
        <v>38</v>
      </c>
      <c r="K49" s="22">
        <v>52</v>
      </c>
    </row>
    <row r="50" spans="1:11" ht="15" customHeight="1">
      <c r="A50" s="20" t="s">
        <v>95</v>
      </c>
      <c r="B50" s="20"/>
      <c r="C50" s="16">
        <v>73</v>
      </c>
      <c r="D50" s="22">
        <v>41</v>
      </c>
      <c r="E50" s="22">
        <v>32</v>
      </c>
      <c r="F50" s="22"/>
      <c r="G50" s="21" t="s">
        <v>96</v>
      </c>
      <c r="H50" s="20"/>
      <c r="I50" s="16">
        <v>94</v>
      </c>
      <c r="J50" s="22">
        <v>29</v>
      </c>
      <c r="K50" s="22">
        <v>65</v>
      </c>
    </row>
    <row r="51" spans="1:11" ht="15" customHeight="1">
      <c r="A51" s="20" t="s">
        <v>97</v>
      </c>
      <c r="B51" s="20"/>
      <c r="C51" s="16">
        <v>88</v>
      </c>
      <c r="D51" s="22">
        <v>50</v>
      </c>
      <c r="E51" s="22">
        <v>38</v>
      </c>
      <c r="F51" s="22"/>
      <c r="G51" s="21" t="s">
        <v>98</v>
      </c>
      <c r="H51" s="20"/>
      <c r="I51" s="16">
        <v>64</v>
      </c>
      <c r="J51" s="22">
        <v>21</v>
      </c>
      <c r="K51" s="22">
        <v>43</v>
      </c>
    </row>
    <row r="52" spans="1:11" ht="15" customHeight="1">
      <c r="A52" s="20" t="s">
        <v>99</v>
      </c>
      <c r="B52" s="20"/>
      <c r="C52" s="16">
        <v>92</v>
      </c>
      <c r="D52" s="22">
        <v>54</v>
      </c>
      <c r="E52" s="22">
        <v>38</v>
      </c>
      <c r="F52" s="22"/>
      <c r="G52" s="21" t="s">
        <v>100</v>
      </c>
      <c r="H52" s="20"/>
      <c r="I52" s="16">
        <v>68</v>
      </c>
      <c r="J52" s="22">
        <v>25</v>
      </c>
      <c r="K52" s="22">
        <v>43</v>
      </c>
    </row>
    <row r="53" spans="1:11" ht="20.100000000000001" customHeight="1">
      <c r="A53" s="20" t="s">
        <v>101</v>
      </c>
      <c r="B53" s="20"/>
      <c r="C53" s="16">
        <v>460</v>
      </c>
      <c r="D53" s="17">
        <v>242</v>
      </c>
      <c r="E53" s="17">
        <v>218</v>
      </c>
      <c r="F53" s="17"/>
      <c r="G53" s="21" t="s">
        <v>102</v>
      </c>
      <c r="H53" s="20"/>
      <c r="I53" s="16">
        <v>212</v>
      </c>
      <c r="J53" s="17">
        <v>65</v>
      </c>
      <c r="K53" s="17">
        <v>147</v>
      </c>
    </row>
    <row r="54" spans="1:11" ht="15" customHeight="1">
      <c r="A54" s="20" t="s">
        <v>103</v>
      </c>
      <c r="B54" s="20"/>
      <c r="C54" s="16">
        <v>86</v>
      </c>
      <c r="D54" s="22">
        <v>51</v>
      </c>
      <c r="E54" s="22">
        <v>35</v>
      </c>
      <c r="F54" s="22"/>
      <c r="G54" s="21" t="s">
        <v>104</v>
      </c>
      <c r="H54" s="20"/>
      <c r="I54" s="16">
        <v>56</v>
      </c>
      <c r="J54" s="22">
        <v>22</v>
      </c>
      <c r="K54" s="22">
        <v>34</v>
      </c>
    </row>
    <row r="55" spans="1:11" ht="15" customHeight="1">
      <c r="A55" s="20" t="s">
        <v>105</v>
      </c>
      <c r="B55" s="20"/>
      <c r="C55" s="16">
        <v>79</v>
      </c>
      <c r="D55" s="22">
        <v>37</v>
      </c>
      <c r="E55" s="22">
        <v>42</v>
      </c>
      <c r="F55" s="22"/>
      <c r="G55" s="21" t="s">
        <v>106</v>
      </c>
      <c r="H55" s="20"/>
      <c r="I55" s="16">
        <v>61</v>
      </c>
      <c r="J55" s="22">
        <v>16</v>
      </c>
      <c r="K55" s="22">
        <v>45</v>
      </c>
    </row>
    <row r="56" spans="1:11" ht="15" customHeight="1">
      <c r="A56" s="20" t="s">
        <v>107</v>
      </c>
      <c r="B56" s="20"/>
      <c r="C56" s="16">
        <v>104</v>
      </c>
      <c r="D56" s="22">
        <v>52</v>
      </c>
      <c r="E56" s="22">
        <v>52</v>
      </c>
      <c r="F56" s="22"/>
      <c r="G56" s="21" t="s">
        <v>108</v>
      </c>
      <c r="H56" s="20"/>
      <c r="I56" s="16">
        <v>39</v>
      </c>
      <c r="J56" s="22">
        <v>13</v>
      </c>
      <c r="K56" s="22">
        <v>26</v>
      </c>
    </row>
    <row r="57" spans="1:11" ht="15" customHeight="1">
      <c r="A57" s="20" t="s">
        <v>109</v>
      </c>
      <c r="B57" s="20"/>
      <c r="C57" s="16">
        <v>91</v>
      </c>
      <c r="D57" s="22">
        <v>49</v>
      </c>
      <c r="E57" s="22">
        <v>42</v>
      </c>
      <c r="F57" s="22"/>
      <c r="G57" s="21" t="s">
        <v>110</v>
      </c>
      <c r="H57" s="20"/>
      <c r="I57" s="16">
        <v>26</v>
      </c>
      <c r="J57" s="22">
        <v>9</v>
      </c>
      <c r="K57" s="22">
        <v>17</v>
      </c>
    </row>
    <row r="58" spans="1:11" ht="15" customHeight="1">
      <c r="A58" s="20" t="s">
        <v>111</v>
      </c>
      <c r="B58" s="20"/>
      <c r="C58" s="16">
        <v>100</v>
      </c>
      <c r="D58" s="22">
        <v>53</v>
      </c>
      <c r="E58" s="22">
        <v>47</v>
      </c>
      <c r="F58" s="22"/>
      <c r="G58" s="21" t="s">
        <v>112</v>
      </c>
      <c r="H58" s="20"/>
      <c r="I58" s="16">
        <v>30</v>
      </c>
      <c r="J58" s="22">
        <v>5</v>
      </c>
      <c r="K58" s="22">
        <v>25</v>
      </c>
    </row>
    <row r="59" spans="1:11" ht="20.100000000000001" customHeight="1">
      <c r="A59" s="20" t="s">
        <v>113</v>
      </c>
      <c r="B59" s="20"/>
      <c r="C59" s="16">
        <v>590</v>
      </c>
      <c r="D59" s="17">
        <v>312</v>
      </c>
      <c r="E59" s="17">
        <v>278</v>
      </c>
      <c r="F59" s="17"/>
      <c r="G59" s="21" t="s">
        <v>114</v>
      </c>
      <c r="H59" s="20"/>
      <c r="I59" s="16">
        <v>53</v>
      </c>
      <c r="J59" s="17">
        <v>10</v>
      </c>
      <c r="K59" s="17">
        <v>43</v>
      </c>
    </row>
    <row r="60" spans="1:11" ht="15" customHeight="1">
      <c r="A60" s="20" t="s">
        <v>115</v>
      </c>
      <c r="B60" s="20"/>
      <c r="C60" s="16">
        <v>118</v>
      </c>
      <c r="D60" s="22">
        <v>65</v>
      </c>
      <c r="E60" s="22">
        <v>53</v>
      </c>
      <c r="F60" s="22"/>
      <c r="G60" s="21" t="s">
        <v>116</v>
      </c>
      <c r="H60" s="20"/>
      <c r="I60" s="16">
        <v>20</v>
      </c>
      <c r="J60" s="22">
        <v>5</v>
      </c>
      <c r="K60" s="22">
        <v>15</v>
      </c>
    </row>
    <row r="61" spans="1:11" ht="15" customHeight="1">
      <c r="A61" s="20" t="s">
        <v>117</v>
      </c>
      <c r="B61" s="20"/>
      <c r="C61" s="16">
        <v>112</v>
      </c>
      <c r="D61" s="22">
        <v>63</v>
      </c>
      <c r="E61" s="22">
        <v>49</v>
      </c>
      <c r="F61" s="22"/>
      <c r="G61" s="21" t="s">
        <v>118</v>
      </c>
      <c r="H61" s="20"/>
      <c r="I61" s="16">
        <v>14</v>
      </c>
      <c r="J61" s="22">
        <v>2</v>
      </c>
      <c r="K61" s="22">
        <v>12</v>
      </c>
    </row>
    <row r="62" spans="1:11" ht="15" customHeight="1">
      <c r="A62" s="20" t="s">
        <v>119</v>
      </c>
      <c r="B62" s="20"/>
      <c r="C62" s="16">
        <v>100</v>
      </c>
      <c r="D62" s="22">
        <v>47</v>
      </c>
      <c r="E62" s="22">
        <v>53</v>
      </c>
      <c r="F62" s="22"/>
      <c r="G62" s="21" t="s">
        <v>120</v>
      </c>
      <c r="H62" s="20"/>
      <c r="I62" s="16">
        <v>5</v>
      </c>
      <c r="J62" s="22">
        <v>0</v>
      </c>
      <c r="K62" s="22">
        <v>5</v>
      </c>
    </row>
    <row r="63" spans="1:11" ht="15" customHeight="1">
      <c r="A63" s="20" t="s">
        <v>121</v>
      </c>
      <c r="B63" s="20"/>
      <c r="C63" s="16">
        <v>124</v>
      </c>
      <c r="D63" s="22">
        <v>72</v>
      </c>
      <c r="E63" s="22">
        <v>52</v>
      </c>
      <c r="F63" s="22"/>
      <c r="G63" s="21" t="s">
        <v>122</v>
      </c>
      <c r="H63" s="20"/>
      <c r="I63" s="16">
        <v>7</v>
      </c>
      <c r="J63" s="22">
        <v>0</v>
      </c>
      <c r="K63" s="22">
        <v>7</v>
      </c>
    </row>
    <row r="64" spans="1:11" ht="15" customHeight="1">
      <c r="A64" s="20" t="s">
        <v>123</v>
      </c>
      <c r="B64" s="20"/>
      <c r="C64" s="16">
        <v>136</v>
      </c>
      <c r="D64" s="22">
        <v>65</v>
      </c>
      <c r="E64" s="22">
        <v>71</v>
      </c>
      <c r="F64" s="22"/>
      <c r="G64" s="21" t="s">
        <v>124</v>
      </c>
      <c r="H64" s="20"/>
      <c r="I64" s="16">
        <v>7</v>
      </c>
      <c r="J64" s="22">
        <v>3</v>
      </c>
      <c r="K64" s="22">
        <v>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4</v>
      </c>
      <c r="J65" s="22">
        <v>2</v>
      </c>
      <c r="K65" s="22">
        <v>2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28</v>
      </c>
      <c r="J66" s="32">
        <v>16</v>
      </c>
      <c r="K66" s="32">
        <v>12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4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53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8741</v>
      </c>
      <c r="D4" s="17">
        <v>9087</v>
      </c>
      <c r="E4" s="17">
        <v>9654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777</v>
      </c>
      <c r="D5" s="17">
        <v>377</v>
      </c>
      <c r="E5" s="17">
        <v>400</v>
      </c>
      <c r="F5" s="17"/>
      <c r="G5" s="21" t="s">
        <v>6</v>
      </c>
      <c r="H5" s="20"/>
      <c r="I5" s="16">
        <v>1462</v>
      </c>
      <c r="J5" s="17">
        <v>758</v>
      </c>
      <c r="K5" s="17">
        <v>704</v>
      </c>
    </row>
    <row r="6" spans="1:11" ht="15" customHeight="1">
      <c r="A6" s="20" t="s">
        <v>7</v>
      </c>
      <c r="B6" s="20"/>
      <c r="C6" s="16">
        <v>139</v>
      </c>
      <c r="D6" s="22">
        <v>57</v>
      </c>
      <c r="E6" s="22">
        <v>82</v>
      </c>
      <c r="F6" s="22"/>
      <c r="G6" s="21" t="s">
        <v>8</v>
      </c>
      <c r="H6" s="20"/>
      <c r="I6" s="16">
        <v>297</v>
      </c>
      <c r="J6" s="22">
        <v>152</v>
      </c>
      <c r="K6" s="22">
        <v>145</v>
      </c>
    </row>
    <row r="7" spans="1:11" ht="15" customHeight="1">
      <c r="A7" s="20" t="s">
        <v>9</v>
      </c>
      <c r="B7" s="20"/>
      <c r="C7" s="16">
        <v>155</v>
      </c>
      <c r="D7" s="22">
        <v>87</v>
      </c>
      <c r="E7" s="22">
        <v>68</v>
      </c>
      <c r="F7" s="22"/>
      <c r="G7" s="21" t="s">
        <v>10</v>
      </c>
      <c r="H7" s="20"/>
      <c r="I7" s="16">
        <v>308</v>
      </c>
      <c r="J7" s="22">
        <v>159</v>
      </c>
      <c r="K7" s="22">
        <v>149</v>
      </c>
    </row>
    <row r="8" spans="1:11" ht="15" customHeight="1">
      <c r="A8" s="20" t="s">
        <v>11</v>
      </c>
      <c r="B8" s="20"/>
      <c r="C8" s="16">
        <v>162</v>
      </c>
      <c r="D8" s="22">
        <v>85</v>
      </c>
      <c r="E8" s="22">
        <v>77</v>
      </c>
      <c r="F8" s="22"/>
      <c r="G8" s="21" t="s">
        <v>12</v>
      </c>
      <c r="H8" s="20"/>
      <c r="I8" s="16">
        <v>280</v>
      </c>
      <c r="J8" s="22">
        <v>140</v>
      </c>
      <c r="K8" s="22">
        <v>140</v>
      </c>
    </row>
    <row r="9" spans="1:11" ht="15" customHeight="1">
      <c r="A9" s="20" t="s">
        <v>13</v>
      </c>
      <c r="B9" s="20"/>
      <c r="C9" s="16">
        <v>152</v>
      </c>
      <c r="D9" s="22">
        <v>69</v>
      </c>
      <c r="E9" s="22">
        <v>83</v>
      </c>
      <c r="F9" s="22"/>
      <c r="G9" s="21" t="s">
        <v>14</v>
      </c>
      <c r="H9" s="20"/>
      <c r="I9" s="16">
        <v>297</v>
      </c>
      <c r="J9" s="22">
        <v>154</v>
      </c>
      <c r="K9" s="22">
        <v>143</v>
      </c>
    </row>
    <row r="10" spans="1:11" ht="15" customHeight="1">
      <c r="A10" s="20" t="s">
        <v>15</v>
      </c>
      <c r="B10" s="20"/>
      <c r="C10" s="16">
        <v>169</v>
      </c>
      <c r="D10" s="22">
        <v>79</v>
      </c>
      <c r="E10" s="22">
        <v>90</v>
      </c>
      <c r="F10" s="22"/>
      <c r="G10" s="21" t="s">
        <v>16</v>
      </c>
      <c r="H10" s="20"/>
      <c r="I10" s="16">
        <v>280</v>
      </c>
      <c r="J10" s="22">
        <v>153</v>
      </c>
      <c r="K10" s="22">
        <v>127</v>
      </c>
    </row>
    <row r="11" spans="1:11" ht="20.100000000000001" customHeight="1">
      <c r="A11" s="20" t="s">
        <v>17</v>
      </c>
      <c r="B11" s="20"/>
      <c r="C11" s="16">
        <v>971</v>
      </c>
      <c r="D11" s="17">
        <v>502</v>
      </c>
      <c r="E11" s="17">
        <v>469</v>
      </c>
      <c r="F11" s="17"/>
      <c r="G11" s="21" t="s">
        <v>18</v>
      </c>
      <c r="H11" s="20"/>
      <c r="I11" s="16">
        <v>1204</v>
      </c>
      <c r="J11" s="17">
        <v>590</v>
      </c>
      <c r="K11" s="17">
        <v>614</v>
      </c>
    </row>
    <row r="12" spans="1:11" ht="15" customHeight="1">
      <c r="A12" s="20" t="s">
        <v>19</v>
      </c>
      <c r="B12" s="20"/>
      <c r="C12" s="16">
        <v>200</v>
      </c>
      <c r="D12" s="22">
        <v>109</v>
      </c>
      <c r="E12" s="22">
        <v>91</v>
      </c>
      <c r="F12" s="22"/>
      <c r="G12" s="21" t="s">
        <v>20</v>
      </c>
      <c r="H12" s="20"/>
      <c r="I12" s="16">
        <v>305</v>
      </c>
      <c r="J12" s="22">
        <v>152</v>
      </c>
      <c r="K12" s="22">
        <v>153</v>
      </c>
    </row>
    <row r="13" spans="1:11" ht="15" customHeight="1">
      <c r="A13" s="20" t="s">
        <v>21</v>
      </c>
      <c r="B13" s="20"/>
      <c r="C13" s="16">
        <v>174</v>
      </c>
      <c r="D13" s="22">
        <v>81</v>
      </c>
      <c r="E13" s="22">
        <v>93</v>
      </c>
      <c r="F13" s="22"/>
      <c r="G13" s="21" t="s">
        <v>22</v>
      </c>
      <c r="H13" s="20"/>
      <c r="I13" s="16">
        <v>186</v>
      </c>
      <c r="J13" s="22">
        <v>92</v>
      </c>
      <c r="K13" s="22">
        <v>94</v>
      </c>
    </row>
    <row r="14" spans="1:11" ht="15" customHeight="1">
      <c r="A14" s="20" t="s">
        <v>23</v>
      </c>
      <c r="B14" s="20"/>
      <c r="C14" s="16">
        <v>199</v>
      </c>
      <c r="D14" s="22">
        <v>104</v>
      </c>
      <c r="E14" s="22">
        <v>95</v>
      </c>
      <c r="F14" s="22"/>
      <c r="G14" s="21" t="s">
        <v>24</v>
      </c>
      <c r="H14" s="20"/>
      <c r="I14" s="16">
        <v>261</v>
      </c>
      <c r="J14" s="22">
        <v>126</v>
      </c>
      <c r="K14" s="22">
        <v>135</v>
      </c>
    </row>
    <row r="15" spans="1:11" ht="15" customHeight="1">
      <c r="A15" s="20" t="s">
        <v>25</v>
      </c>
      <c r="B15" s="20"/>
      <c r="C15" s="16">
        <v>192</v>
      </c>
      <c r="D15" s="22">
        <v>96</v>
      </c>
      <c r="E15" s="22">
        <v>96</v>
      </c>
      <c r="F15" s="22"/>
      <c r="G15" s="21" t="s">
        <v>26</v>
      </c>
      <c r="H15" s="20"/>
      <c r="I15" s="16">
        <v>236</v>
      </c>
      <c r="J15" s="22">
        <v>113</v>
      </c>
      <c r="K15" s="22">
        <v>123</v>
      </c>
    </row>
    <row r="16" spans="1:11" ht="15" customHeight="1">
      <c r="A16" s="20" t="s">
        <v>27</v>
      </c>
      <c r="B16" s="20"/>
      <c r="C16" s="16">
        <v>206</v>
      </c>
      <c r="D16" s="22">
        <v>112</v>
      </c>
      <c r="E16" s="22">
        <v>94</v>
      </c>
      <c r="F16" s="22"/>
      <c r="G16" s="21" t="s">
        <v>28</v>
      </c>
      <c r="H16" s="20"/>
      <c r="I16" s="16">
        <v>216</v>
      </c>
      <c r="J16" s="22">
        <v>107</v>
      </c>
      <c r="K16" s="22">
        <v>109</v>
      </c>
    </row>
    <row r="17" spans="1:11" ht="20.100000000000001" customHeight="1">
      <c r="A17" s="24" t="s">
        <v>29</v>
      </c>
      <c r="B17" s="24"/>
      <c r="C17" s="16">
        <v>947</v>
      </c>
      <c r="D17" s="17">
        <v>476</v>
      </c>
      <c r="E17" s="17">
        <v>471</v>
      </c>
      <c r="F17" s="17"/>
      <c r="G17" s="21" t="s">
        <v>30</v>
      </c>
      <c r="H17" s="20"/>
      <c r="I17" s="16">
        <v>905</v>
      </c>
      <c r="J17" s="17">
        <v>472</v>
      </c>
      <c r="K17" s="17">
        <v>433</v>
      </c>
    </row>
    <row r="18" spans="1:11" ht="15" customHeight="1">
      <c r="A18" s="20" t="s">
        <v>31</v>
      </c>
      <c r="B18" s="20"/>
      <c r="C18" s="16">
        <v>187</v>
      </c>
      <c r="D18" s="22">
        <v>103</v>
      </c>
      <c r="E18" s="22">
        <v>84</v>
      </c>
      <c r="F18" s="22"/>
      <c r="G18" s="21" t="s">
        <v>32</v>
      </c>
      <c r="H18" s="20"/>
      <c r="I18" s="16">
        <v>205</v>
      </c>
      <c r="J18" s="22">
        <v>111</v>
      </c>
      <c r="K18" s="22">
        <v>94</v>
      </c>
    </row>
    <row r="19" spans="1:11" ht="15" customHeight="1">
      <c r="A19" s="20" t="s">
        <v>33</v>
      </c>
      <c r="B19" s="20"/>
      <c r="C19" s="16">
        <v>201</v>
      </c>
      <c r="D19" s="22">
        <v>90</v>
      </c>
      <c r="E19" s="22">
        <v>111</v>
      </c>
      <c r="F19" s="22"/>
      <c r="G19" s="21" t="s">
        <v>34</v>
      </c>
      <c r="H19" s="20"/>
      <c r="I19" s="16">
        <v>193</v>
      </c>
      <c r="J19" s="22">
        <v>98</v>
      </c>
      <c r="K19" s="22">
        <v>95</v>
      </c>
    </row>
    <row r="20" spans="1:11" ht="15" customHeight="1">
      <c r="A20" s="20" t="s">
        <v>35</v>
      </c>
      <c r="B20" s="20"/>
      <c r="C20" s="16">
        <v>190</v>
      </c>
      <c r="D20" s="22">
        <v>101</v>
      </c>
      <c r="E20" s="22">
        <v>89</v>
      </c>
      <c r="F20" s="22"/>
      <c r="G20" s="21" t="s">
        <v>36</v>
      </c>
      <c r="H20" s="20"/>
      <c r="I20" s="16">
        <v>151</v>
      </c>
      <c r="J20" s="22">
        <v>76</v>
      </c>
      <c r="K20" s="22">
        <v>75</v>
      </c>
    </row>
    <row r="21" spans="1:11" ht="15" customHeight="1">
      <c r="A21" s="20" t="s">
        <v>37</v>
      </c>
      <c r="B21" s="20"/>
      <c r="C21" s="16">
        <v>178</v>
      </c>
      <c r="D21" s="22">
        <v>85</v>
      </c>
      <c r="E21" s="22">
        <v>93</v>
      </c>
      <c r="F21" s="22"/>
      <c r="G21" s="21" t="s">
        <v>38</v>
      </c>
      <c r="H21" s="20"/>
      <c r="I21" s="16">
        <v>168</v>
      </c>
      <c r="J21" s="22">
        <v>94</v>
      </c>
      <c r="K21" s="22">
        <v>74</v>
      </c>
    </row>
    <row r="22" spans="1:11" ht="15" customHeight="1">
      <c r="A22" s="20" t="s">
        <v>39</v>
      </c>
      <c r="B22" s="20"/>
      <c r="C22" s="16">
        <v>191</v>
      </c>
      <c r="D22" s="22">
        <v>97</v>
      </c>
      <c r="E22" s="22">
        <v>94</v>
      </c>
      <c r="F22" s="22"/>
      <c r="G22" s="21" t="s">
        <v>40</v>
      </c>
      <c r="H22" s="20"/>
      <c r="I22" s="16">
        <v>188</v>
      </c>
      <c r="J22" s="22">
        <v>93</v>
      </c>
      <c r="K22" s="22">
        <v>95</v>
      </c>
    </row>
    <row r="23" spans="1:11" ht="20.100000000000001" customHeight="1">
      <c r="A23" s="20" t="s">
        <v>41</v>
      </c>
      <c r="B23" s="20"/>
      <c r="C23" s="16">
        <v>926</v>
      </c>
      <c r="D23" s="17">
        <v>450</v>
      </c>
      <c r="E23" s="17">
        <v>476</v>
      </c>
      <c r="F23" s="17"/>
      <c r="G23" s="21" t="s">
        <v>42</v>
      </c>
      <c r="H23" s="20"/>
      <c r="I23" s="16">
        <v>945</v>
      </c>
      <c r="J23" s="17">
        <v>448</v>
      </c>
      <c r="K23" s="17">
        <v>497</v>
      </c>
    </row>
    <row r="24" spans="1:11" ht="15" customHeight="1">
      <c r="A24" s="20" t="s">
        <v>43</v>
      </c>
      <c r="B24" s="20"/>
      <c r="C24" s="16">
        <v>180</v>
      </c>
      <c r="D24" s="22">
        <v>101</v>
      </c>
      <c r="E24" s="22">
        <v>79</v>
      </c>
      <c r="F24" s="22"/>
      <c r="G24" s="21" t="s">
        <v>44</v>
      </c>
      <c r="H24" s="20"/>
      <c r="I24" s="16">
        <v>202</v>
      </c>
      <c r="J24" s="22">
        <v>95</v>
      </c>
      <c r="K24" s="22">
        <v>107</v>
      </c>
    </row>
    <row r="25" spans="1:11" ht="15" customHeight="1">
      <c r="A25" s="20" t="s">
        <v>45</v>
      </c>
      <c r="B25" s="20"/>
      <c r="C25" s="16">
        <v>176</v>
      </c>
      <c r="D25" s="22">
        <v>77</v>
      </c>
      <c r="E25" s="22">
        <v>99</v>
      </c>
      <c r="F25" s="22"/>
      <c r="G25" s="21" t="s">
        <v>46</v>
      </c>
      <c r="H25" s="20"/>
      <c r="I25" s="16">
        <v>172</v>
      </c>
      <c r="J25" s="22">
        <v>85</v>
      </c>
      <c r="K25" s="22">
        <v>87</v>
      </c>
    </row>
    <row r="26" spans="1:11" ht="15" customHeight="1">
      <c r="A26" s="20" t="s">
        <v>47</v>
      </c>
      <c r="B26" s="20"/>
      <c r="C26" s="16">
        <v>200</v>
      </c>
      <c r="D26" s="22">
        <v>99</v>
      </c>
      <c r="E26" s="22">
        <v>101</v>
      </c>
      <c r="F26" s="22"/>
      <c r="G26" s="21" t="s">
        <v>48</v>
      </c>
      <c r="H26" s="20"/>
      <c r="I26" s="16">
        <v>186</v>
      </c>
      <c r="J26" s="22">
        <v>82</v>
      </c>
      <c r="K26" s="22">
        <v>104</v>
      </c>
    </row>
    <row r="27" spans="1:11" ht="15" customHeight="1">
      <c r="A27" s="20" t="s">
        <v>49</v>
      </c>
      <c r="B27" s="20"/>
      <c r="C27" s="16">
        <v>186</v>
      </c>
      <c r="D27" s="22">
        <v>88</v>
      </c>
      <c r="E27" s="22">
        <v>98</v>
      </c>
      <c r="F27" s="22"/>
      <c r="G27" s="21" t="s">
        <v>50</v>
      </c>
      <c r="H27" s="20"/>
      <c r="I27" s="16">
        <v>185</v>
      </c>
      <c r="J27" s="22">
        <v>86</v>
      </c>
      <c r="K27" s="22">
        <v>99</v>
      </c>
    </row>
    <row r="28" spans="1:11" ht="15" customHeight="1">
      <c r="A28" s="20" t="s">
        <v>51</v>
      </c>
      <c r="B28" s="20"/>
      <c r="C28" s="16">
        <v>184</v>
      </c>
      <c r="D28" s="22">
        <v>85</v>
      </c>
      <c r="E28" s="22">
        <v>99</v>
      </c>
      <c r="F28" s="22"/>
      <c r="G28" s="21" t="s">
        <v>52</v>
      </c>
      <c r="H28" s="20"/>
      <c r="I28" s="16">
        <v>200</v>
      </c>
      <c r="J28" s="22">
        <v>100</v>
      </c>
      <c r="K28" s="22">
        <v>100</v>
      </c>
    </row>
    <row r="29" spans="1:11" ht="20.100000000000001" customHeight="1">
      <c r="A29" s="20" t="s">
        <v>53</v>
      </c>
      <c r="B29" s="20"/>
      <c r="C29" s="16">
        <v>874</v>
      </c>
      <c r="D29" s="17">
        <v>439</v>
      </c>
      <c r="E29" s="17">
        <v>435</v>
      </c>
      <c r="F29" s="17"/>
      <c r="G29" s="21" t="s">
        <v>54</v>
      </c>
      <c r="H29" s="20"/>
      <c r="I29" s="16">
        <v>1189</v>
      </c>
      <c r="J29" s="17">
        <v>553</v>
      </c>
      <c r="K29" s="17">
        <v>636</v>
      </c>
    </row>
    <row r="30" spans="1:11" ht="15" customHeight="1">
      <c r="A30" s="20" t="s">
        <v>55</v>
      </c>
      <c r="B30" s="20"/>
      <c r="C30" s="16">
        <v>220</v>
      </c>
      <c r="D30" s="22">
        <v>105</v>
      </c>
      <c r="E30" s="22">
        <v>115</v>
      </c>
      <c r="F30" s="22"/>
      <c r="G30" s="21" t="s">
        <v>56</v>
      </c>
      <c r="H30" s="20"/>
      <c r="I30" s="16">
        <v>244</v>
      </c>
      <c r="J30" s="22">
        <v>116</v>
      </c>
      <c r="K30" s="22">
        <v>128</v>
      </c>
    </row>
    <row r="31" spans="1:11" ht="15" customHeight="1">
      <c r="A31" s="20" t="s">
        <v>57</v>
      </c>
      <c r="B31" s="20"/>
      <c r="C31" s="16">
        <v>162</v>
      </c>
      <c r="D31" s="22">
        <v>81</v>
      </c>
      <c r="E31" s="22">
        <v>81</v>
      </c>
      <c r="F31" s="22"/>
      <c r="G31" s="21" t="s">
        <v>58</v>
      </c>
      <c r="H31" s="20"/>
      <c r="I31" s="16">
        <v>198</v>
      </c>
      <c r="J31" s="22">
        <v>86</v>
      </c>
      <c r="K31" s="22">
        <v>112</v>
      </c>
    </row>
    <row r="32" spans="1:11" ht="15" customHeight="1">
      <c r="A32" s="20" t="s">
        <v>59</v>
      </c>
      <c r="B32" s="20"/>
      <c r="C32" s="16">
        <v>198</v>
      </c>
      <c r="D32" s="22">
        <v>96</v>
      </c>
      <c r="E32" s="22">
        <v>102</v>
      </c>
      <c r="F32" s="22"/>
      <c r="G32" s="21" t="s">
        <v>60</v>
      </c>
      <c r="H32" s="20"/>
      <c r="I32" s="16">
        <v>220</v>
      </c>
      <c r="J32" s="22">
        <v>91</v>
      </c>
      <c r="K32" s="22">
        <v>129</v>
      </c>
    </row>
    <row r="33" spans="1:11" ht="15" customHeight="1">
      <c r="A33" s="20" t="s">
        <v>61</v>
      </c>
      <c r="B33" s="20"/>
      <c r="C33" s="16">
        <v>137</v>
      </c>
      <c r="D33" s="22">
        <v>81</v>
      </c>
      <c r="E33" s="22">
        <v>56</v>
      </c>
      <c r="F33" s="22"/>
      <c r="G33" s="21" t="s">
        <v>62</v>
      </c>
      <c r="H33" s="20"/>
      <c r="I33" s="16">
        <v>281</v>
      </c>
      <c r="J33" s="22">
        <v>144</v>
      </c>
      <c r="K33" s="22">
        <v>137</v>
      </c>
    </row>
    <row r="34" spans="1:11" ht="15" customHeight="1">
      <c r="A34" s="20" t="s">
        <v>63</v>
      </c>
      <c r="B34" s="20"/>
      <c r="C34" s="16">
        <v>157</v>
      </c>
      <c r="D34" s="22">
        <v>76</v>
      </c>
      <c r="E34" s="22">
        <v>81</v>
      </c>
      <c r="F34" s="22"/>
      <c r="G34" s="21" t="s">
        <v>64</v>
      </c>
      <c r="H34" s="20"/>
      <c r="I34" s="16">
        <v>246</v>
      </c>
      <c r="J34" s="22">
        <v>116</v>
      </c>
      <c r="K34" s="22">
        <v>130</v>
      </c>
    </row>
    <row r="35" spans="1:11" ht="20.100000000000001" customHeight="1">
      <c r="A35" s="20" t="s">
        <v>65</v>
      </c>
      <c r="B35" s="20"/>
      <c r="C35" s="16">
        <v>798</v>
      </c>
      <c r="D35" s="17">
        <v>399</v>
      </c>
      <c r="E35" s="17">
        <v>399</v>
      </c>
      <c r="F35" s="17"/>
      <c r="G35" s="21" t="s">
        <v>66</v>
      </c>
      <c r="H35" s="20"/>
      <c r="I35" s="16">
        <v>962</v>
      </c>
      <c r="J35" s="17">
        <v>408</v>
      </c>
      <c r="K35" s="17">
        <v>554</v>
      </c>
    </row>
    <row r="36" spans="1:11" ht="15" customHeight="1">
      <c r="A36" s="20" t="s">
        <v>67</v>
      </c>
      <c r="B36" s="20"/>
      <c r="C36" s="16">
        <v>127</v>
      </c>
      <c r="D36" s="22">
        <v>63</v>
      </c>
      <c r="E36" s="22">
        <v>64</v>
      </c>
      <c r="F36" s="22"/>
      <c r="G36" s="21" t="s">
        <v>68</v>
      </c>
      <c r="H36" s="20"/>
      <c r="I36" s="16">
        <v>228</v>
      </c>
      <c r="J36" s="22">
        <v>98</v>
      </c>
      <c r="K36" s="22">
        <v>130</v>
      </c>
    </row>
    <row r="37" spans="1:11" ht="15" customHeight="1">
      <c r="A37" s="20" t="s">
        <v>69</v>
      </c>
      <c r="B37" s="20"/>
      <c r="C37" s="16">
        <v>165</v>
      </c>
      <c r="D37" s="22">
        <v>83</v>
      </c>
      <c r="E37" s="22">
        <v>82</v>
      </c>
      <c r="F37" s="22"/>
      <c r="G37" s="21" t="s">
        <v>70</v>
      </c>
      <c r="H37" s="20"/>
      <c r="I37" s="16">
        <v>179</v>
      </c>
      <c r="J37" s="22">
        <v>78</v>
      </c>
      <c r="K37" s="22">
        <v>101</v>
      </c>
    </row>
    <row r="38" spans="1:11" ht="15" customHeight="1">
      <c r="A38" s="20" t="s">
        <v>71</v>
      </c>
      <c r="B38" s="20"/>
      <c r="C38" s="16">
        <v>180</v>
      </c>
      <c r="D38" s="22">
        <v>90</v>
      </c>
      <c r="E38" s="22">
        <v>90</v>
      </c>
      <c r="F38" s="22"/>
      <c r="G38" s="21" t="s">
        <v>72</v>
      </c>
      <c r="H38" s="20"/>
      <c r="I38" s="16">
        <v>146</v>
      </c>
      <c r="J38" s="22">
        <v>64</v>
      </c>
      <c r="K38" s="22">
        <v>82</v>
      </c>
    </row>
    <row r="39" spans="1:11" ht="15" customHeight="1">
      <c r="A39" s="20" t="s">
        <v>73</v>
      </c>
      <c r="B39" s="20"/>
      <c r="C39" s="16">
        <v>155</v>
      </c>
      <c r="D39" s="22">
        <v>73</v>
      </c>
      <c r="E39" s="22">
        <v>82</v>
      </c>
      <c r="F39" s="22"/>
      <c r="G39" s="21" t="s">
        <v>74</v>
      </c>
      <c r="H39" s="20"/>
      <c r="I39" s="16">
        <v>209</v>
      </c>
      <c r="J39" s="22">
        <v>84</v>
      </c>
      <c r="K39" s="22">
        <v>125</v>
      </c>
    </row>
    <row r="40" spans="1:11" ht="15" customHeight="1">
      <c r="A40" s="20" t="s">
        <v>75</v>
      </c>
      <c r="B40" s="20"/>
      <c r="C40" s="16">
        <v>171</v>
      </c>
      <c r="D40" s="22">
        <v>90</v>
      </c>
      <c r="E40" s="22">
        <v>81</v>
      </c>
      <c r="F40" s="22"/>
      <c r="G40" s="21" t="s">
        <v>76</v>
      </c>
      <c r="H40" s="20"/>
      <c r="I40" s="16">
        <v>200</v>
      </c>
      <c r="J40" s="22">
        <v>84</v>
      </c>
      <c r="K40" s="22">
        <v>116</v>
      </c>
    </row>
    <row r="41" spans="1:11" ht="20.100000000000001" customHeight="1">
      <c r="A41" s="20" t="s">
        <v>77</v>
      </c>
      <c r="B41" s="20"/>
      <c r="C41" s="16">
        <v>870</v>
      </c>
      <c r="D41" s="17">
        <v>436</v>
      </c>
      <c r="E41" s="17">
        <v>434</v>
      </c>
      <c r="F41" s="17"/>
      <c r="G41" s="21" t="s">
        <v>78</v>
      </c>
      <c r="H41" s="20"/>
      <c r="I41" s="16">
        <v>893</v>
      </c>
      <c r="J41" s="17">
        <v>411</v>
      </c>
      <c r="K41" s="17">
        <v>482</v>
      </c>
    </row>
    <row r="42" spans="1:11" ht="15" customHeight="1">
      <c r="A42" s="20" t="s">
        <v>79</v>
      </c>
      <c r="B42" s="20"/>
      <c r="C42" s="16">
        <v>157</v>
      </c>
      <c r="D42" s="22">
        <v>76</v>
      </c>
      <c r="E42" s="22">
        <v>81</v>
      </c>
      <c r="F42" s="22"/>
      <c r="G42" s="21" t="s">
        <v>80</v>
      </c>
      <c r="H42" s="20"/>
      <c r="I42" s="16">
        <v>206</v>
      </c>
      <c r="J42" s="22">
        <v>96</v>
      </c>
      <c r="K42" s="22">
        <v>110</v>
      </c>
    </row>
    <row r="43" spans="1:11" ht="15" customHeight="1">
      <c r="A43" s="20" t="s">
        <v>81</v>
      </c>
      <c r="B43" s="20"/>
      <c r="C43" s="16">
        <v>174</v>
      </c>
      <c r="D43" s="22">
        <v>87</v>
      </c>
      <c r="E43" s="22">
        <v>87</v>
      </c>
      <c r="F43" s="22"/>
      <c r="G43" s="21" t="s">
        <v>82</v>
      </c>
      <c r="H43" s="20"/>
      <c r="I43" s="16">
        <v>214</v>
      </c>
      <c r="J43" s="22">
        <v>95</v>
      </c>
      <c r="K43" s="22">
        <v>119</v>
      </c>
    </row>
    <row r="44" spans="1:11" ht="15" customHeight="1">
      <c r="A44" s="20" t="s">
        <v>83</v>
      </c>
      <c r="B44" s="20"/>
      <c r="C44" s="16">
        <v>157</v>
      </c>
      <c r="D44" s="22">
        <v>77</v>
      </c>
      <c r="E44" s="22">
        <v>80</v>
      </c>
      <c r="F44" s="22"/>
      <c r="G44" s="21" t="s">
        <v>84</v>
      </c>
      <c r="H44" s="20"/>
      <c r="I44" s="16">
        <v>213</v>
      </c>
      <c r="J44" s="22">
        <v>99</v>
      </c>
      <c r="K44" s="22">
        <v>114</v>
      </c>
    </row>
    <row r="45" spans="1:11" ht="15" customHeight="1">
      <c r="A45" s="20" t="s">
        <v>85</v>
      </c>
      <c r="B45" s="20"/>
      <c r="C45" s="16">
        <v>183</v>
      </c>
      <c r="D45" s="22">
        <v>100</v>
      </c>
      <c r="E45" s="22">
        <v>83</v>
      </c>
      <c r="F45" s="22"/>
      <c r="G45" s="21" t="s">
        <v>86</v>
      </c>
      <c r="H45" s="20"/>
      <c r="I45" s="16">
        <v>136</v>
      </c>
      <c r="J45" s="22">
        <v>59</v>
      </c>
      <c r="K45" s="22">
        <v>77</v>
      </c>
    </row>
    <row r="46" spans="1:11" ht="15" customHeight="1">
      <c r="A46" s="20" t="s">
        <v>87</v>
      </c>
      <c r="B46" s="20"/>
      <c r="C46" s="16">
        <v>199</v>
      </c>
      <c r="D46" s="22">
        <v>96</v>
      </c>
      <c r="E46" s="22">
        <v>103</v>
      </c>
      <c r="F46" s="22"/>
      <c r="G46" s="21" t="s">
        <v>88</v>
      </c>
      <c r="H46" s="20"/>
      <c r="I46" s="16">
        <v>124</v>
      </c>
      <c r="J46" s="22">
        <v>62</v>
      </c>
      <c r="K46" s="22">
        <v>62</v>
      </c>
    </row>
    <row r="47" spans="1:11" ht="20.100000000000001" customHeight="1">
      <c r="A47" s="20" t="s">
        <v>89</v>
      </c>
      <c r="B47" s="20"/>
      <c r="C47" s="16">
        <v>1124</v>
      </c>
      <c r="D47" s="17">
        <v>565</v>
      </c>
      <c r="E47" s="17">
        <v>559</v>
      </c>
      <c r="F47" s="17"/>
      <c r="G47" s="21" t="s">
        <v>90</v>
      </c>
      <c r="H47" s="20"/>
      <c r="I47" s="16">
        <v>551</v>
      </c>
      <c r="J47" s="17">
        <v>234</v>
      </c>
      <c r="K47" s="17">
        <v>317</v>
      </c>
    </row>
    <row r="48" spans="1:11" ht="15" customHeight="1">
      <c r="A48" s="20" t="s">
        <v>91</v>
      </c>
      <c r="B48" s="20"/>
      <c r="C48" s="16">
        <v>214</v>
      </c>
      <c r="D48" s="22">
        <v>104</v>
      </c>
      <c r="E48" s="22">
        <v>110</v>
      </c>
      <c r="F48" s="22"/>
      <c r="G48" s="21" t="s">
        <v>92</v>
      </c>
      <c r="H48" s="20"/>
      <c r="I48" s="16">
        <v>129</v>
      </c>
      <c r="J48" s="22">
        <v>55</v>
      </c>
      <c r="K48" s="22">
        <v>74</v>
      </c>
    </row>
    <row r="49" spans="1:11" ht="15" customHeight="1">
      <c r="A49" s="20" t="s">
        <v>93</v>
      </c>
      <c r="B49" s="20"/>
      <c r="C49" s="16">
        <v>204</v>
      </c>
      <c r="D49" s="22">
        <v>110</v>
      </c>
      <c r="E49" s="22">
        <v>94</v>
      </c>
      <c r="F49" s="22"/>
      <c r="G49" s="21" t="s">
        <v>94</v>
      </c>
      <c r="H49" s="20"/>
      <c r="I49" s="16">
        <v>129</v>
      </c>
      <c r="J49" s="22">
        <v>64</v>
      </c>
      <c r="K49" s="22">
        <v>65</v>
      </c>
    </row>
    <row r="50" spans="1:11" ht="15" customHeight="1">
      <c r="A50" s="20" t="s">
        <v>95</v>
      </c>
      <c r="B50" s="20"/>
      <c r="C50" s="16">
        <v>224</v>
      </c>
      <c r="D50" s="22">
        <v>99</v>
      </c>
      <c r="E50" s="22">
        <v>125</v>
      </c>
      <c r="F50" s="22"/>
      <c r="G50" s="21" t="s">
        <v>96</v>
      </c>
      <c r="H50" s="20"/>
      <c r="I50" s="16">
        <v>108</v>
      </c>
      <c r="J50" s="22">
        <v>40</v>
      </c>
      <c r="K50" s="22">
        <v>68</v>
      </c>
    </row>
    <row r="51" spans="1:11" ht="15" customHeight="1">
      <c r="A51" s="20" t="s">
        <v>97</v>
      </c>
      <c r="B51" s="20"/>
      <c r="C51" s="16">
        <v>247</v>
      </c>
      <c r="D51" s="22">
        <v>135</v>
      </c>
      <c r="E51" s="22">
        <v>112</v>
      </c>
      <c r="F51" s="22"/>
      <c r="G51" s="21" t="s">
        <v>98</v>
      </c>
      <c r="H51" s="20"/>
      <c r="I51" s="16">
        <v>104</v>
      </c>
      <c r="J51" s="22">
        <v>42</v>
      </c>
      <c r="K51" s="22">
        <v>62</v>
      </c>
    </row>
    <row r="52" spans="1:11" ht="15" customHeight="1">
      <c r="A52" s="20" t="s">
        <v>99</v>
      </c>
      <c r="B52" s="20"/>
      <c r="C52" s="16">
        <v>235</v>
      </c>
      <c r="D52" s="22">
        <v>117</v>
      </c>
      <c r="E52" s="22">
        <v>118</v>
      </c>
      <c r="F52" s="22"/>
      <c r="G52" s="21" t="s">
        <v>100</v>
      </c>
      <c r="H52" s="20"/>
      <c r="I52" s="16">
        <v>81</v>
      </c>
      <c r="J52" s="22">
        <v>33</v>
      </c>
      <c r="K52" s="22">
        <v>48</v>
      </c>
    </row>
    <row r="53" spans="1:11" ht="20.100000000000001" customHeight="1">
      <c r="A53" s="20" t="s">
        <v>101</v>
      </c>
      <c r="B53" s="20"/>
      <c r="C53" s="16">
        <v>1348</v>
      </c>
      <c r="D53" s="17">
        <v>684</v>
      </c>
      <c r="E53" s="17">
        <v>664</v>
      </c>
      <c r="F53" s="17"/>
      <c r="G53" s="21" t="s">
        <v>102</v>
      </c>
      <c r="H53" s="20"/>
      <c r="I53" s="16">
        <v>299</v>
      </c>
      <c r="J53" s="17">
        <v>81</v>
      </c>
      <c r="K53" s="17">
        <v>218</v>
      </c>
    </row>
    <row r="54" spans="1:11" ht="15" customHeight="1">
      <c r="A54" s="20" t="s">
        <v>103</v>
      </c>
      <c r="B54" s="20"/>
      <c r="C54" s="16">
        <v>249</v>
      </c>
      <c r="D54" s="22">
        <v>117</v>
      </c>
      <c r="E54" s="22">
        <v>132</v>
      </c>
      <c r="F54" s="22"/>
      <c r="G54" s="21" t="s">
        <v>104</v>
      </c>
      <c r="H54" s="20"/>
      <c r="I54" s="16">
        <v>91</v>
      </c>
      <c r="J54" s="22">
        <v>27</v>
      </c>
      <c r="K54" s="22">
        <v>64</v>
      </c>
    </row>
    <row r="55" spans="1:11" ht="15" customHeight="1">
      <c r="A55" s="20" t="s">
        <v>105</v>
      </c>
      <c r="B55" s="20"/>
      <c r="C55" s="16">
        <v>295</v>
      </c>
      <c r="D55" s="22">
        <v>154</v>
      </c>
      <c r="E55" s="22">
        <v>141</v>
      </c>
      <c r="F55" s="22"/>
      <c r="G55" s="21" t="s">
        <v>106</v>
      </c>
      <c r="H55" s="20"/>
      <c r="I55" s="16">
        <v>72</v>
      </c>
      <c r="J55" s="22">
        <v>22</v>
      </c>
      <c r="K55" s="22">
        <v>50</v>
      </c>
    </row>
    <row r="56" spans="1:11" ht="15" customHeight="1">
      <c r="A56" s="20" t="s">
        <v>107</v>
      </c>
      <c r="B56" s="20"/>
      <c r="C56" s="16">
        <v>270</v>
      </c>
      <c r="D56" s="22">
        <v>127</v>
      </c>
      <c r="E56" s="22">
        <v>143</v>
      </c>
      <c r="F56" s="22"/>
      <c r="G56" s="21" t="s">
        <v>108</v>
      </c>
      <c r="H56" s="20"/>
      <c r="I56" s="16">
        <v>59</v>
      </c>
      <c r="J56" s="22">
        <v>14</v>
      </c>
      <c r="K56" s="22">
        <v>45</v>
      </c>
    </row>
    <row r="57" spans="1:11" ht="15" customHeight="1">
      <c r="A57" s="20" t="s">
        <v>109</v>
      </c>
      <c r="B57" s="20"/>
      <c r="C57" s="16">
        <v>251</v>
      </c>
      <c r="D57" s="22">
        <v>121</v>
      </c>
      <c r="E57" s="22">
        <v>130</v>
      </c>
      <c r="F57" s="22"/>
      <c r="G57" s="21" t="s">
        <v>110</v>
      </c>
      <c r="H57" s="20"/>
      <c r="I57" s="16">
        <v>43</v>
      </c>
      <c r="J57" s="22">
        <v>12</v>
      </c>
      <c r="K57" s="22">
        <v>31</v>
      </c>
    </row>
    <row r="58" spans="1:11" ht="15" customHeight="1">
      <c r="A58" s="20" t="s">
        <v>111</v>
      </c>
      <c r="B58" s="20"/>
      <c r="C58" s="16">
        <v>283</v>
      </c>
      <c r="D58" s="22">
        <v>165</v>
      </c>
      <c r="E58" s="22">
        <v>118</v>
      </c>
      <c r="F58" s="22"/>
      <c r="G58" s="21" t="s">
        <v>112</v>
      </c>
      <c r="H58" s="20"/>
      <c r="I58" s="16">
        <v>34</v>
      </c>
      <c r="J58" s="22">
        <v>6</v>
      </c>
      <c r="K58" s="22">
        <v>28</v>
      </c>
    </row>
    <row r="59" spans="1:11" ht="20.100000000000001" customHeight="1">
      <c r="A59" s="20" t="s">
        <v>113</v>
      </c>
      <c r="B59" s="20"/>
      <c r="C59" s="16">
        <v>1530</v>
      </c>
      <c r="D59" s="17">
        <v>764</v>
      </c>
      <c r="E59" s="17">
        <v>766</v>
      </c>
      <c r="F59" s="17"/>
      <c r="G59" s="21" t="s">
        <v>114</v>
      </c>
      <c r="H59" s="20"/>
      <c r="I59" s="16">
        <v>92</v>
      </c>
      <c r="J59" s="17">
        <v>16</v>
      </c>
      <c r="K59" s="17">
        <v>76</v>
      </c>
    </row>
    <row r="60" spans="1:11" ht="15" customHeight="1">
      <c r="A60" s="20" t="s">
        <v>115</v>
      </c>
      <c r="B60" s="20"/>
      <c r="C60" s="16">
        <v>268</v>
      </c>
      <c r="D60" s="22">
        <v>137</v>
      </c>
      <c r="E60" s="22">
        <v>131</v>
      </c>
      <c r="F60" s="22"/>
      <c r="G60" s="21" t="s">
        <v>116</v>
      </c>
      <c r="H60" s="20"/>
      <c r="I60" s="16">
        <v>34</v>
      </c>
      <c r="J60" s="22">
        <v>7</v>
      </c>
      <c r="K60" s="22">
        <v>27</v>
      </c>
    </row>
    <row r="61" spans="1:11" ht="15" customHeight="1">
      <c r="A61" s="20" t="s">
        <v>117</v>
      </c>
      <c r="B61" s="20"/>
      <c r="C61" s="16">
        <v>269</v>
      </c>
      <c r="D61" s="22">
        <v>114</v>
      </c>
      <c r="E61" s="22">
        <v>155</v>
      </c>
      <c r="F61" s="22"/>
      <c r="G61" s="21" t="s">
        <v>118</v>
      </c>
      <c r="H61" s="20"/>
      <c r="I61" s="16">
        <v>20</v>
      </c>
      <c r="J61" s="22">
        <v>4</v>
      </c>
      <c r="K61" s="22">
        <v>16</v>
      </c>
    </row>
    <row r="62" spans="1:11" ht="15" customHeight="1">
      <c r="A62" s="20" t="s">
        <v>119</v>
      </c>
      <c r="B62" s="20"/>
      <c r="C62" s="16">
        <v>322</v>
      </c>
      <c r="D62" s="22">
        <v>168</v>
      </c>
      <c r="E62" s="22">
        <v>154</v>
      </c>
      <c r="F62" s="22"/>
      <c r="G62" s="21" t="s">
        <v>120</v>
      </c>
      <c r="H62" s="20"/>
      <c r="I62" s="16">
        <v>16</v>
      </c>
      <c r="J62" s="22">
        <v>2</v>
      </c>
      <c r="K62" s="22">
        <v>14</v>
      </c>
    </row>
    <row r="63" spans="1:11" ht="15" customHeight="1">
      <c r="A63" s="20" t="s">
        <v>121</v>
      </c>
      <c r="B63" s="20"/>
      <c r="C63" s="16">
        <v>317</v>
      </c>
      <c r="D63" s="22">
        <v>158</v>
      </c>
      <c r="E63" s="22">
        <v>159</v>
      </c>
      <c r="F63" s="22"/>
      <c r="G63" s="21" t="s">
        <v>122</v>
      </c>
      <c r="H63" s="20"/>
      <c r="I63" s="16">
        <v>13</v>
      </c>
      <c r="J63" s="22">
        <v>2</v>
      </c>
      <c r="K63" s="22">
        <v>11</v>
      </c>
    </row>
    <row r="64" spans="1:11" ht="15" customHeight="1">
      <c r="A64" s="20" t="s">
        <v>123</v>
      </c>
      <c r="B64" s="20"/>
      <c r="C64" s="16">
        <v>354</v>
      </c>
      <c r="D64" s="22">
        <v>187</v>
      </c>
      <c r="E64" s="22">
        <v>167</v>
      </c>
      <c r="F64" s="22"/>
      <c r="G64" s="21" t="s">
        <v>124</v>
      </c>
      <c r="H64" s="20"/>
      <c r="I64" s="16">
        <v>9</v>
      </c>
      <c r="J64" s="22">
        <v>1</v>
      </c>
      <c r="K64" s="22">
        <v>8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26</v>
      </c>
      <c r="J65" s="22">
        <v>3</v>
      </c>
      <c r="K65" s="22">
        <v>23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48</v>
      </c>
      <c r="J66" s="32">
        <v>21</v>
      </c>
      <c r="K66" s="32">
        <v>27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6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55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0895</v>
      </c>
      <c r="D4" s="17">
        <v>5226</v>
      </c>
      <c r="E4" s="17">
        <v>5669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141</v>
      </c>
      <c r="D5" s="17">
        <v>78</v>
      </c>
      <c r="E5" s="17">
        <v>63</v>
      </c>
      <c r="F5" s="17"/>
      <c r="G5" s="21" t="s">
        <v>6</v>
      </c>
      <c r="H5" s="20"/>
      <c r="I5" s="16">
        <v>679</v>
      </c>
      <c r="J5" s="17">
        <v>358</v>
      </c>
      <c r="K5" s="17">
        <v>321</v>
      </c>
    </row>
    <row r="6" spans="1:11" ht="15" customHeight="1">
      <c r="A6" s="20" t="s">
        <v>7</v>
      </c>
      <c r="B6" s="20"/>
      <c r="C6" s="16">
        <v>20</v>
      </c>
      <c r="D6" s="22">
        <v>10</v>
      </c>
      <c r="E6" s="22">
        <v>10</v>
      </c>
      <c r="F6" s="22"/>
      <c r="G6" s="21" t="s">
        <v>8</v>
      </c>
      <c r="H6" s="20"/>
      <c r="I6" s="16">
        <v>121</v>
      </c>
      <c r="J6" s="22">
        <v>59</v>
      </c>
      <c r="K6" s="22">
        <v>62</v>
      </c>
    </row>
    <row r="7" spans="1:11" ht="15" customHeight="1">
      <c r="A7" s="20" t="s">
        <v>9</v>
      </c>
      <c r="B7" s="20"/>
      <c r="C7" s="16">
        <v>25</v>
      </c>
      <c r="D7" s="22">
        <v>10</v>
      </c>
      <c r="E7" s="22">
        <v>15</v>
      </c>
      <c r="F7" s="22"/>
      <c r="G7" s="21" t="s">
        <v>10</v>
      </c>
      <c r="H7" s="20"/>
      <c r="I7" s="16">
        <v>157</v>
      </c>
      <c r="J7" s="22">
        <v>90</v>
      </c>
      <c r="K7" s="22">
        <v>67</v>
      </c>
    </row>
    <row r="8" spans="1:11" ht="15" customHeight="1">
      <c r="A8" s="20" t="s">
        <v>11</v>
      </c>
      <c r="B8" s="20"/>
      <c r="C8" s="16">
        <v>31</v>
      </c>
      <c r="D8" s="22">
        <v>16</v>
      </c>
      <c r="E8" s="22">
        <v>15</v>
      </c>
      <c r="F8" s="22"/>
      <c r="G8" s="21" t="s">
        <v>12</v>
      </c>
      <c r="H8" s="20"/>
      <c r="I8" s="16">
        <v>134</v>
      </c>
      <c r="J8" s="22">
        <v>68</v>
      </c>
      <c r="K8" s="22">
        <v>66</v>
      </c>
    </row>
    <row r="9" spans="1:11" ht="15" customHeight="1">
      <c r="A9" s="20" t="s">
        <v>13</v>
      </c>
      <c r="B9" s="20"/>
      <c r="C9" s="16">
        <v>34</v>
      </c>
      <c r="D9" s="22">
        <v>25</v>
      </c>
      <c r="E9" s="22">
        <v>9</v>
      </c>
      <c r="F9" s="22"/>
      <c r="G9" s="21" t="s">
        <v>14</v>
      </c>
      <c r="H9" s="20"/>
      <c r="I9" s="16">
        <v>136</v>
      </c>
      <c r="J9" s="22">
        <v>75</v>
      </c>
      <c r="K9" s="22">
        <v>61</v>
      </c>
    </row>
    <row r="10" spans="1:11" ht="15" customHeight="1">
      <c r="A10" s="20" t="s">
        <v>15</v>
      </c>
      <c r="B10" s="20"/>
      <c r="C10" s="16">
        <v>31</v>
      </c>
      <c r="D10" s="22">
        <v>17</v>
      </c>
      <c r="E10" s="22">
        <v>14</v>
      </c>
      <c r="F10" s="22"/>
      <c r="G10" s="21" t="s">
        <v>16</v>
      </c>
      <c r="H10" s="20"/>
      <c r="I10" s="16">
        <v>131</v>
      </c>
      <c r="J10" s="22">
        <v>66</v>
      </c>
      <c r="K10" s="22">
        <v>65</v>
      </c>
    </row>
    <row r="11" spans="1:11" ht="20.100000000000001" customHeight="1">
      <c r="A11" s="20" t="s">
        <v>17</v>
      </c>
      <c r="B11" s="20"/>
      <c r="C11" s="16">
        <v>184</v>
      </c>
      <c r="D11" s="17">
        <v>86</v>
      </c>
      <c r="E11" s="17">
        <v>98</v>
      </c>
      <c r="F11" s="17"/>
      <c r="G11" s="21" t="s">
        <v>18</v>
      </c>
      <c r="H11" s="20"/>
      <c r="I11" s="16">
        <v>660</v>
      </c>
      <c r="J11" s="17">
        <v>336</v>
      </c>
      <c r="K11" s="17">
        <v>324</v>
      </c>
    </row>
    <row r="12" spans="1:11" ht="15" customHeight="1">
      <c r="A12" s="20" t="s">
        <v>19</v>
      </c>
      <c r="B12" s="20"/>
      <c r="C12" s="16">
        <v>32</v>
      </c>
      <c r="D12" s="22">
        <v>14</v>
      </c>
      <c r="E12" s="22">
        <v>18</v>
      </c>
      <c r="F12" s="22"/>
      <c r="G12" s="21" t="s">
        <v>20</v>
      </c>
      <c r="H12" s="20"/>
      <c r="I12" s="16">
        <v>139</v>
      </c>
      <c r="J12" s="22">
        <v>70</v>
      </c>
      <c r="K12" s="22">
        <v>69</v>
      </c>
    </row>
    <row r="13" spans="1:11" ht="15" customHeight="1">
      <c r="A13" s="20" t="s">
        <v>21</v>
      </c>
      <c r="B13" s="20"/>
      <c r="C13" s="16">
        <v>37</v>
      </c>
      <c r="D13" s="22">
        <v>17</v>
      </c>
      <c r="E13" s="22">
        <v>20</v>
      </c>
      <c r="F13" s="22"/>
      <c r="G13" s="21" t="s">
        <v>22</v>
      </c>
      <c r="H13" s="20"/>
      <c r="I13" s="16">
        <v>94</v>
      </c>
      <c r="J13" s="22">
        <v>53</v>
      </c>
      <c r="K13" s="22">
        <v>41</v>
      </c>
    </row>
    <row r="14" spans="1:11" ht="15" customHeight="1">
      <c r="A14" s="20" t="s">
        <v>23</v>
      </c>
      <c r="B14" s="20"/>
      <c r="C14" s="16">
        <v>44</v>
      </c>
      <c r="D14" s="22">
        <v>18</v>
      </c>
      <c r="E14" s="22">
        <v>26</v>
      </c>
      <c r="F14" s="22"/>
      <c r="G14" s="21" t="s">
        <v>24</v>
      </c>
      <c r="H14" s="20"/>
      <c r="I14" s="16">
        <v>143</v>
      </c>
      <c r="J14" s="22">
        <v>68</v>
      </c>
      <c r="K14" s="22">
        <v>75</v>
      </c>
    </row>
    <row r="15" spans="1:11" ht="15" customHeight="1">
      <c r="A15" s="20" t="s">
        <v>25</v>
      </c>
      <c r="B15" s="20"/>
      <c r="C15" s="16">
        <v>35</v>
      </c>
      <c r="D15" s="22">
        <v>18</v>
      </c>
      <c r="E15" s="22">
        <v>17</v>
      </c>
      <c r="F15" s="22"/>
      <c r="G15" s="21" t="s">
        <v>26</v>
      </c>
      <c r="H15" s="20"/>
      <c r="I15" s="16">
        <v>136</v>
      </c>
      <c r="J15" s="22">
        <v>68</v>
      </c>
      <c r="K15" s="22">
        <v>68</v>
      </c>
    </row>
    <row r="16" spans="1:11" ht="15" customHeight="1">
      <c r="A16" s="20" t="s">
        <v>27</v>
      </c>
      <c r="B16" s="20"/>
      <c r="C16" s="16">
        <v>36</v>
      </c>
      <c r="D16" s="22">
        <v>19</v>
      </c>
      <c r="E16" s="22">
        <v>17</v>
      </c>
      <c r="F16" s="22"/>
      <c r="G16" s="21" t="s">
        <v>28</v>
      </c>
      <c r="H16" s="20"/>
      <c r="I16" s="16">
        <v>148</v>
      </c>
      <c r="J16" s="22">
        <v>77</v>
      </c>
      <c r="K16" s="22">
        <v>71</v>
      </c>
    </row>
    <row r="17" spans="1:11" ht="20.100000000000001" customHeight="1">
      <c r="A17" s="24" t="s">
        <v>29</v>
      </c>
      <c r="B17" s="24"/>
      <c r="C17" s="16">
        <v>278</v>
      </c>
      <c r="D17" s="17">
        <v>130</v>
      </c>
      <c r="E17" s="17">
        <v>148</v>
      </c>
      <c r="F17" s="17"/>
      <c r="G17" s="21" t="s">
        <v>30</v>
      </c>
      <c r="H17" s="20"/>
      <c r="I17" s="16">
        <v>692</v>
      </c>
      <c r="J17" s="17">
        <v>362</v>
      </c>
      <c r="K17" s="17">
        <v>330</v>
      </c>
    </row>
    <row r="18" spans="1:11" ht="15" customHeight="1">
      <c r="A18" s="20" t="s">
        <v>31</v>
      </c>
      <c r="B18" s="20"/>
      <c r="C18" s="16">
        <v>52</v>
      </c>
      <c r="D18" s="22">
        <v>27</v>
      </c>
      <c r="E18" s="22">
        <v>25</v>
      </c>
      <c r="F18" s="22"/>
      <c r="G18" s="21" t="s">
        <v>32</v>
      </c>
      <c r="H18" s="20"/>
      <c r="I18" s="16">
        <v>126</v>
      </c>
      <c r="J18" s="22">
        <v>75</v>
      </c>
      <c r="K18" s="22">
        <v>51</v>
      </c>
    </row>
    <row r="19" spans="1:11" ht="15" customHeight="1">
      <c r="A19" s="20" t="s">
        <v>33</v>
      </c>
      <c r="B19" s="20"/>
      <c r="C19" s="16">
        <v>51</v>
      </c>
      <c r="D19" s="22">
        <v>22</v>
      </c>
      <c r="E19" s="22">
        <v>29</v>
      </c>
      <c r="F19" s="22"/>
      <c r="G19" s="21" t="s">
        <v>34</v>
      </c>
      <c r="H19" s="20"/>
      <c r="I19" s="16">
        <v>123</v>
      </c>
      <c r="J19" s="22">
        <v>59</v>
      </c>
      <c r="K19" s="22">
        <v>64</v>
      </c>
    </row>
    <row r="20" spans="1:11" ht="15" customHeight="1">
      <c r="A20" s="20" t="s">
        <v>35</v>
      </c>
      <c r="B20" s="20"/>
      <c r="C20" s="16">
        <v>44</v>
      </c>
      <c r="D20" s="22">
        <v>24</v>
      </c>
      <c r="E20" s="22">
        <v>20</v>
      </c>
      <c r="F20" s="22"/>
      <c r="G20" s="21" t="s">
        <v>36</v>
      </c>
      <c r="H20" s="20"/>
      <c r="I20" s="16">
        <v>134</v>
      </c>
      <c r="J20" s="22">
        <v>78</v>
      </c>
      <c r="K20" s="22">
        <v>56</v>
      </c>
    </row>
    <row r="21" spans="1:11" ht="15" customHeight="1">
      <c r="A21" s="20" t="s">
        <v>37</v>
      </c>
      <c r="B21" s="20"/>
      <c r="C21" s="16">
        <v>54</v>
      </c>
      <c r="D21" s="22">
        <v>24</v>
      </c>
      <c r="E21" s="22">
        <v>30</v>
      </c>
      <c r="F21" s="22"/>
      <c r="G21" s="21" t="s">
        <v>38</v>
      </c>
      <c r="H21" s="20"/>
      <c r="I21" s="16">
        <v>135</v>
      </c>
      <c r="J21" s="22">
        <v>59</v>
      </c>
      <c r="K21" s="22">
        <v>76</v>
      </c>
    </row>
    <row r="22" spans="1:11" ht="15" customHeight="1">
      <c r="A22" s="20" t="s">
        <v>39</v>
      </c>
      <c r="B22" s="20"/>
      <c r="C22" s="16">
        <v>77</v>
      </c>
      <c r="D22" s="22">
        <v>33</v>
      </c>
      <c r="E22" s="22">
        <v>44</v>
      </c>
      <c r="F22" s="22"/>
      <c r="G22" s="21" t="s">
        <v>40</v>
      </c>
      <c r="H22" s="20"/>
      <c r="I22" s="16">
        <v>174</v>
      </c>
      <c r="J22" s="22">
        <v>91</v>
      </c>
      <c r="K22" s="22">
        <v>83</v>
      </c>
    </row>
    <row r="23" spans="1:11" ht="20.100000000000001" customHeight="1">
      <c r="A23" s="20" t="s">
        <v>41</v>
      </c>
      <c r="B23" s="20"/>
      <c r="C23" s="16">
        <v>302</v>
      </c>
      <c r="D23" s="17">
        <v>153</v>
      </c>
      <c r="E23" s="17">
        <v>149</v>
      </c>
      <c r="F23" s="17"/>
      <c r="G23" s="21" t="s">
        <v>42</v>
      </c>
      <c r="H23" s="20"/>
      <c r="I23" s="16">
        <v>775</v>
      </c>
      <c r="J23" s="17">
        <v>392</v>
      </c>
      <c r="K23" s="17">
        <v>383</v>
      </c>
    </row>
    <row r="24" spans="1:11" ht="15" customHeight="1">
      <c r="A24" s="20" t="s">
        <v>43</v>
      </c>
      <c r="B24" s="20"/>
      <c r="C24" s="16">
        <v>45</v>
      </c>
      <c r="D24" s="22">
        <v>20</v>
      </c>
      <c r="E24" s="22">
        <v>25</v>
      </c>
      <c r="F24" s="22"/>
      <c r="G24" s="21" t="s">
        <v>44</v>
      </c>
      <c r="H24" s="20"/>
      <c r="I24" s="16">
        <v>133</v>
      </c>
      <c r="J24" s="22">
        <v>71</v>
      </c>
      <c r="K24" s="22">
        <v>62</v>
      </c>
    </row>
    <row r="25" spans="1:11" ht="15" customHeight="1">
      <c r="A25" s="20" t="s">
        <v>45</v>
      </c>
      <c r="B25" s="20"/>
      <c r="C25" s="16">
        <v>58</v>
      </c>
      <c r="D25" s="22">
        <v>36</v>
      </c>
      <c r="E25" s="22">
        <v>22</v>
      </c>
      <c r="F25" s="22"/>
      <c r="G25" s="21" t="s">
        <v>46</v>
      </c>
      <c r="H25" s="20"/>
      <c r="I25" s="16">
        <v>141</v>
      </c>
      <c r="J25" s="22">
        <v>71</v>
      </c>
      <c r="K25" s="22">
        <v>70</v>
      </c>
    </row>
    <row r="26" spans="1:11" ht="15" customHeight="1">
      <c r="A26" s="20" t="s">
        <v>47</v>
      </c>
      <c r="B26" s="20"/>
      <c r="C26" s="16">
        <v>60</v>
      </c>
      <c r="D26" s="22">
        <v>34</v>
      </c>
      <c r="E26" s="22">
        <v>26</v>
      </c>
      <c r="F26" s="22"/>
      <c r="G26" s="21" t="s">
        <v>48</v>
      </c>
      <c r="H26" s="20"/>
      <c r="I26" s="16">
        <v>181</v>
      </c>
      <c r="J26" s="22">
        <v>87</v>
      </c>
      <c r="K26" s="22">
        <v>94</v>
      </c>
    </row>
    <row r="27" spans="1:11" ht="15" customHeight="1">
      <c r="A27" s="20" t="s">
        <v>49</v>
      </c>
      <c r="B27" s="20"/>
      <c r="C27" s="16">
        <v>65</v>
      </c>
      <c r="D27" s="22">
        <v>22</v>
      </c>
      <c r="E27" s="22">
        <v>43</v>
      </c>
      <c r="F27" s="22"/>
      <c r="G27" s="21" t="s">
        <v>50</v>
      </c>
      <c r="H27" s="20"/>
      <c r="I27" s="16">
        <v>151</v>
      </c>
      <c r="J27" s="22">
        <v>83</v>
      </c>
      <c r="K27" s="22">
        <v>68</v>
      </c>
    </row>
    <row r="28" spans="1:11" ht="15" customHeight="1">
      <c r="A28" s="20" t="s">
        <v>51</v>
      </c>
      <c r="B28" s="20"/>
      <c r="C28" s="16">
        <v>74</v>
      </c>
      <c r="D28" s="22">
        <v>41</v>
      </c>
      <c r="E28" s="22">
        <v>33</v>
      </c>
      <c r="F28" s="22"/>
      <c r="G28" s="21" t="s">
        <v>52</v>
      </c>
      <c r="H28" s="20"/>
      <c r="I28" s="16">
        <v>169</v>
      </c>
      <c r="J28" s="22">
        <v>80</v>
      </c>
      <c r="K28" s="22">
        <v>89</v>
      </c>
    </row>
    <row r="29" spans="1:11" ht="20.100000000000001" customHeight="1">
      <c r="A29" s="20" t="s">
        <v>53</v>
      </c>
      <c r="B29" s="20"/>
      <c r="C29" s="16">
        <v>870</v>
      </c>
      <c r="D29" s="17">
        <v>367</v>
      </c>
      <c r="E29" s="17">
        <v>503</v>
      </c>
      <c r="F29" s="17"/>
      <c r="G29" s="21" t="s">
        <v>54</v>
      </c>
      <c r="H29" s="20"/>
      <c r="I29" s="16">
        <v>967</v>
      </c>
      <c r="J29" s="17">
        <v>455</v>
      </c>
      <c r="K29" s="17">
        <v>512</v>
      </c>
    </row>
    <row r="30" spans="1:11" ht="15" customHeight="1">
      <c r="A30" s="20" t="s">
        <v>55</v>
      </c>
      <c r="B30" s="20"/>
      <c r="C30" s="16">
        <v>186</v>
      </c>
      <c r="D30" s="22">
        <v>76</v>
      </c>
      <c r="E30" s="22">
        <v>110</v>
      </c>
      <c r="F30" s="22"/>
      <c r="G30" s="21" t="s">
        <v>56</v>
      </c>
      <c r="H30" s="20"/>
      <c r="I30" s="16">
        <v>142</v>
      </c>
      <c r="J30" s="22">
        <v>74</v>
      </c>
      <c r="K30" s="22">
        <v>68</v>
      </c>
    </row>
    <row r="31" spans="1:11" ht="15" customHeight="1">
      <c r="A31" s="20" t="s">
        <v>57</v>
      </c>
      <c r="B31" s="20"/>
      <c r="C31" s="16">
        <v>177</v>
      </c>
      <c r="D31" s="22">
        <v>89</v>
      </c>
      <c r="E31" s="22">
        <v>88</v>
      </c>
      <c r="F31" s="22"/>
      <c r="G31" s="21" t="s">
        <v>58</v>
      </c>
      <c r="H31" s="20"/>
      <c r="I31" s="16">
        <v>191</v>
      </c>
      <c r="J31" s="22">
        <v>92</v>
      </c>
      <c r="K31" s="22">
        <v>99</v>
      </c>
    </row>
    <row r="32" spans="1:11" ht="15" customHeight="1">
      <c r="A32" s="20" t="s">
        <v>59</v>
      </c>
      <c r="B32" s="20"/>
      <c r="C32" s="16">
        <v>129</v>
      </c>
      <c r="D32" s="22">
        <v>44</v>
      </c>
      <c r="E32" s="22">
        <v>85</v>
      </c>
      <c r="F32" s="22"/>
      <c r="G32" s="21" t="s">
        <v>60</v>
      </c>
      <c r="H32" s="20"/>
      <c r="I32" s="16">
        <v>198</v>
      </c>
      <c r="J32" s="22">
        <v>88</v>
      </c>
      <c r="K32" s="22">
        <v>110</v>
      </c>
    </row>
    <row r="33" spans="1:11" ht="15" customHeight="1">
      <c r="A33" s="20" t="s">
        <v>61</v>
      </c>
      <c r="B33" s="20"/>
      <c r="C33" s="16">
        <v>225</v>
      </c>
      <c r="D33" s="22">
        <v>94</v>
      </c>
      <c r="E33" s="22">
        <v>131</v>
      </c>
      <c r="F33" s="22"/>
      <c r="G33" s="21" t="s">
        <v>62</v>
      </c>
      <c r="H33" s="20"/>
      <c r="I33" s="16">
        <v>235</v>
      </c>
      <c r="J33" s="22">
        <v>102</v>
      </c>
      <c r="K33" s="22">
        <v>133</v>
      </c>
    </row>
    <row r="34" spans="1:11" ht="15" customHeight="1">
      <c r="A34" s="20" t="s">
        <v>63</v>
      </c>
      <c r="B34" s="20"/>
      <c r="C34" s="16">
        <v>153</v>
      </c>
      <c r="D34" s="22">
        <v>64</v>
      </c>
      <c r="E34" s="22">
        <v>89</v>
      </c>
      <c r="F34" s="22"/>
      <c r="G34" s="21" t="s">
        <v>64</v>
      </c>
      <c r="H34" s="20"/>
      <c r="I34" s="16">
        <v>201</v>
      </c>
      <c r="J34" s="22">
        <v>99</v>
      </c>
      <c r="K34" s="22">
        <v>102</v>
      </c>
    </row>
    <row r="35" spans="1:11" ht="20.100000000000001" customHeight="1">
      <c r="A35" s="20" t="s">
        <v>65</v>
      </c>
      <c r="B35" s="20"/>
      <c r="C35" s="16">
        <v>728</v>
      </c>
      <c r="D35" s="17">
        <v>361</v>
      </c>
      <c r="E35" s="17">
        <v>367</v>
      </c>
      <c r="F35" s="17"/>
      <c r="G35" s="21" t="s">
        <v>66</v>
      </c>
      <c r="H35" s="20"/>
      <c r="I35" s="16">
        <v>872</v>
      </c>
      <c r="J35" s="17">
        <v>378</v>
      </c>
      <c r="K35" s="17">
        <v>494</v>
      </c>
    </row>
    <row r="36" spans="1:11" ht="15" customHeight="1">
      <c r="A36" s="20" t="s">
        <v>67</v>
      </c>
      <c r="B36" s="20"/>
      <c r="C36" s="16">
        <v>185</v>
      </c>
      <c r="D36" s="22">
        <v>81</v>
      </c>
      <c r="E36" s="22">
        <v>104</v>
      </c>
      <c r="F36" s="22"/>
      <c r="G36" s="21" t="s">
        <v>68</v>
      </c>
      <c r="H36" s="20"/>
      <c r="I36" s="16">
        <v>243</v>
      </c>
      <c r="J36" s="22">
        <v>105</v>
      </c>
      <c r="K36" s="22">
        <v>138</v>
      </c>
    </row>
    <row r="37" spans="1:11" ht="15" customHeight="1">
      <c r="A37" s="20" t="s">
        <v>69</v>
      </c>
      <c r="B37" s="20"/>
      <c r="C37" s="16">
        <v>163</v>
      </c>
      <c r="D37" s="22">
        <v>73</v>
      </c>
      <c r="E37" s="22">
        <v>90</v>
      </c>
      <c r="F37" s="22"/>
      <c r="G37" s="21" t="s">
        <v>70</v>
      </c>
      <c r="H37" s="20"/>
      <c r="I37" s="16">
        <v>145</v>
      </c>
      <c r="J37" s="22">
        <v>67</v>
      </c>
      <c r="K37" s="22">
        <v>78</v>
      </c>
    </row>
    <row r="38" spans="1:11" ht="15" customHeight="1">
      <c r="A38" s="20" t="s">
        <v>71</v>
      </c>
      <c r="B38" s="20"/>
      <c r="C38" s="16">
        <v>139</v>
      </c>
      <c r="D38" s="22">
        <v>77</v>
      </c>
      <c r="E38" s="22">
        <v>62</v>
      </c>
      <c r="F38" s="22"/>
      <c r="G38" s="21" t="s">
        <v>72</v>
      </c>
      <c r="H38" s="20"/>
      <c r="I38" s="16">
        <v>167</v>
      </c>
      <c r="J38" s="22">
        <v>74</v>
      </c>
      <c r="K38" s="22">
        <v>93</v>
      </c>
    </row>
    <row r="39" spans="1:11" ht="15" customHeight="1">
      <c r="A39" s="20" t="s">
        <v>73</v>
      </c>
      <c r="B39" s="20"/>
      <c r="C39" s="16">
        <v>130</v>
      </c>
      <c r="D39" s="22">
        <v>58</v>
      </c>
      <c r="E39" s="22">
        <v>72</v>
      </c>
      <c r="F39" s="22"/>
      <c r="G39" s="21" t="s">
        <v>74</v>
      </c>
      <c r="H39" s="20"/>
      <c r="I39" s="16">
        <v>168</v>
      </c>
      <c r="J39" s="22">
        <v>70</v>
      </c>
      <c r="K39" s="22">
        <v>98</v>
      </c>
    </row>
    <row r="40" spans="1:11" ht="15" customHeight="1">
      <c r="A40" s="20" t="s">
        <v>75</v>
      </c>
      <c r="B40" s="20"/>
      <c r="C40" s="16">
        <v>111</v>
      </c>
      <c r="D40" s="22">
        <v>72</v>
      </c>
      <c r="E40" s="22">
        <v>39</v>
      </c>
      <c r="F40" s="22"/>
      <c r="G40" s="21" t="s">
        <v>76</v>
      </c>
      <c r="H40" s="20"/>
      <c r="I40" s="16">
        <v>149</v>
      </c>
      <c r="J40" s="22">
        <v>62</v>
      </c>
      <c r="K40" s="22">
        <v>87</v>
      </c>
    </row>
    <row r="41" spans="1:11" ht="20.100000000000001" customHeight="1">
      <c r="A41" s="20" t="s">
        <v>77</v>
      </c>
      <c r="B41" s="20"/>
      <c r="C41" s="16">
        <v>448</v>
      </c>
      <c r="D41" s="17">
        <v>231</v>
      </c>
      <c r="E41" s="17">
        <v>217</v>
      </c>
      <c r="F41" s="17"/>
      <c r="G41" s="21" t="s">
        <v>78</v>
      </c>
      <c r="H41" s="20"/>
      <c r="I41" s="16">
        <v>683</v>
      </c>
      <c r="J41" s="17">
        <v>288</v>
      </c>
      <c r="K41" s="17">
        <v>395</v>
      </c>
    </row>
    <row r="42" spans="1:11" ht="15" customHeight="1">
      <c r="A42" s="20" t="s">
        <v>79</v>
      </c>
      <c r="B42" s="20"/>
      <c r="C42" s="16">
        <v>125</v>
      </c>
      <c r="D42" s="22">
        <v>69</v>
      </c>
      <c r="E42" s="22">
        <v>56</v>
      </c>
      <c r="F42" s="22"/>
      <c r="G42" s="21" t="s">
        <v>80</v>
      </c>
      <c r="H42" s="20"/>
      <c r="I42" s="16">
        <v>162</v>
      </c>
      <c r="J42" s="22">
        <v>76</v>
      </c>
      <c r="K42" s="22">
        <v>86</v>
      </c>
    </row>
    <row r="43" spans="1:11" ht="15" customHeight="1">
      <c r="A43" s="20" t="s">
        <v>81</v>
      </c>
      <c r="B43" s="20"/>
      <c r="C43" s="16">
        <v>80</v>
      </c>
      <c r="D43" s="22">
        <v>33</v>
      </c>
      <c r="E43" s="22">
        <v>47</v>
      </c>
      <c r="F43" s="22"/>
      <c r="G43" s="21" t="s">
        <v>82</v>
      </c>
      <c r="H43" s="20"/>
      <c r="I43" s="16">
        <v>147</v>
      </c>
      <c r="J43" s="22">
        <v>61</v>
      </c>
      <c r="K43" s="22">
        <v>86</v>
      </c>
    </row>
    <row r="44" spans="1:11" ht="15" customHeight="1">
      <c r="A44" s="20" t="s">
        <v>83</v>
      </c>
      <c r="B44" s="20"/>
      <c r="C44" s="16">
        <v>80</v>
      </c>
      <c r="D44" s="22">
        <v>51</v>
      </c>
      <c r="E44" s="22">
        <v>29</v>
      </c>
      <c r="F44" s="22"/>
      <c r="G44" s="21" t="s">
        <v>84</v>
      </c>
      <c r="H44" s="20"/>
      <c r="I44" s="16">
        <v>146</v>
      </c>
      <c r="J44" s="22">
        <v>73</v>
      </c>
      <c r="K44" s="22">
        <v>73</v>
      </c>
    </row>
    <row r="45" spans="1:11" ht="15" customHeight="1">
      <c r="A45" s="20" t="s">
        <v>85</v>
      </c>
      <c r="B45" s="20"/>
      <c r="C45" s="16">
        <v>72</v>
      </c>
      <c r="D45" s="22">
        <v>34</v>
      </c>
      <c r="E45" s="22">
        <v>38</v>
      </c>
      <c r="F45" s="22"/>
      <c r="G45" s="21" t="s">
        <v>86</v>
      </c>
      <c r="H45" s="20"/>
      <c r="I45" s="16">
        <v>129</v>
      </c>
      <c r="J45" s="22">
        <v>38</v>
      </c>
      <c r="K45" s="22">
        <v>91</v>
      </c>
    </row>
    <row r="46" spans="1:11" ht="15" customHeight="1">
      <c r="A46" s="20" t="s">
        <v>87</v>
      </c>
      <c r="B46" s="20"/>
      <c r="C46" s="16">
        <v>91</v>
      </c>
      <c r="D46" s="22">
        <v>44</v>
      </c>
      <c r="E46" s="22">
        <v>47</v>
      </c>
      <c r="F46" s="22"/>
      <c r="G46" s="21" t="s">
        <v>88</v>
      </c>
      <c r="H46" s="20"/>
      <c r="I46" s="16">
        <v>99</v>
      </c>
      <c r="J46" s="22">
        <v>40</v>
      </c>
      <c r="K46" s="22">
        <v>59</v>
      </c>
    </row>
    <row r="47" spans="1:11" ht="20.100000000000001" customHeight="1">
      <c r="A47" s="20" t="s">
        <v>89</v>
      </c>
      <c r="B47" s="20"/>
      <c r="C47" s="16">
        <v>422</v>
      </c>
      <c r="D47" s="17">
        <v>233</v>
      </c>
      <c r="E47" s="17">
        <v>189</v>
      </c>
      <c r="F47" s="17"/>
      <c r="G47" s="21" t="s">
        <v>90</v>
      </c>
      <c r="H47" s="20"/>
      <c r="I47" s="16">
        <v>411</v>
      </c>
      <c r="J47" s="17">
        <v>129</v>
      </c>
      <c r="K47" s="17">
        <v>282</v>
      </c>
    </row>
    <row r="48" spans="1:11" ht="15" customHeight="1">
      <c r="A48" s="20" t="s">
        <v>91</v>
      </c>
      <c r="B48" s="20"/>
      <c r="C48" s="16">
        <v>78</v>
      </c>
      <c r="D48" s="22">
        <v>43</v>
      </c>
      <c r="E48" s="22">
        <v>35</v>
      </c>
      <c r="F48" s="22"/>
      <c r="G48" s="21" t="s">
        <v>92</v>
      </c>
      <c r="H48" s="20"/>
      <c r="I48" s="16">
        <v>87</v>
      </c>
      <c r="J48" s="22">
        <v>26</v>
      </c>
      <c r="K48" s="22">
        <v>61</v>
      </c>
    </row>
    <row r="49" spans="1:11" ht="15" customHeight="1">
      <c r="A49" s="20" t="s">
        <v>93</v>
      </c>
      <c r="B49" s="20"/>
      <c r="C49" s="16">
        <v>87</v>
      </c>
      <c r="D49" s="22">
        <v>48</v>
      </c>
      <c r="E49" s="22">
        <v>39</v>
      </c>
      <c r="F49" s="22"/>
      <c r="G49" s="21" t="s">
        <v>94</v>
      </c>
      <c r="H49" s="20"/>
      <c r="I49" s="16">
        <v>83</v>
      </c>
      <c r="J49" s="22">
        <v>29</v>
      </c>
      <c r="K49" s="22">
        <v>54</v>
      </c>
    </row>
    <row r="50" spans="1:11" ht="15" customHeight="1">
      <c r="A50" s="20" t="s">
        <v>95</v>
      </c>
      <c r="B50" s="20"/>
      <c r="C50" s="16">
        <v>77</v>
      </c>
      <c r="D50" s="22">
        <v>35</v>
      </c>
      <c r="E50" s="22">
        <v>42</v>
      </c>
      <c r="F50" s="22"/>
      <c r="G50" s="21" t="s">
        <v>96</v>
      </c>
      <c r="H50" s="20"/>
      <c r="I50" s="16">
        <v>94</v>
      </c>
      <c r="J50" s="22">
        <v>30</v>
      </c>
      <c r="K50" s="22">
        <v>64</v>
      </c>
    </row>
    <row r="51" spans="1:11" ht="15" customHeight="1">
      <c r="A51" s="20" t="s">
        <v>97</v>
      </c>
      <c r="B51" s="20"/>
      <c r="C51" s="16">
        <v>106</v>
      </c>
      <c r="D51" s="22">
        <v>68</v>
      </c>
      <c r="E51" s="22">
        <v>38</v>
      </c>
      <c r="F51" s="22"/>
      <c r="G51" s="21" t="s">
        <v>98</v>
      </c>
      <c r="H51" s="20"/>
      <c r="I51" s="16">
        <v>85</v>
      </c>
      <c r="J51" s="22">
        <v>28</v>
      </c>
      <c r="K51" s="22">
        <v>57</v>
      </c>
    </row>
    <row r="52" spans="1:11" ht="15" customHeight="1">
      <c r="A52" s="20" t="s">
        <v>99</v>
      </c>
      <c r="B52" s="20"/>
      <c r="C52" s="16">
        <v>74</v>
      </c>
      <c r="D52" s="22">
        <v>39</v>
      </c>
      <c r="E52" s="22">
        <v>35</v>
      </c>
      <c r="F52" s="22"/>
      <c r="G52" s="21" t="s">
        <v>100</v>
      </c>
      <c r="H52" s="20"/>
      <c r="I52" s="16">
        <v>62</v>
      </c>
      <c r="J52" s="22">
        <v>16</v>
      </c>
      <c r="K52" s="22">
        <v>46</v>
      </c>
    </row>
    <row r="53" spans="1:11" ht="20.100000000000001" customHeight="1">
      <c r="A53" s="20" t="s">
        <v>101</v>
      </c>
      <c r="B53" s="20"/>
      <c r="C53" s="16">
        <v>437</v>
      </c>
      <c r="D53" s="17">
        <v>241</v>
      </c>
      <c r="E53" s="17">
        <v>196</v>
      </c>
      <c r="F53" s="17"/>
      <c r="G53" s="21" t="s">
        <v>102</v>
      </c>
      <c r="H53" s="20"/>
      <c r="I53" s="16">
        <v>195</v>
      </c>
      <c r="J53" s="17">
        <v>53</v>
      </c>
      <c r="K53" s="17">
        <v>142</v>
      </c>
    </row>
    <row r="54" spans="1:11" ht="15" customHeight="1">
      <c r="A54" s="20" t="s">
        <v>103</v>
      </c>
      <c r="B54" s="20"/>
      <c r="C54" s="16">
        <v>76</v>
      </c>
      <c r="D54" s="22">
        <v>48</v>
      </c>
      <c r="E54" s="22">
        <v>28</v>
      </c>
      <c r="F54" s="22"/>
      <c r="G54" s="21" t="s">
        <v>104</v>
      </c>
      <c r="H54" s="20"/>
      <c r="I54" s="16">
        <v>60</v>
      </c>
      <c r="J54" s="22">
        <v>20</v>
      </c>
      <c r="K54" s="22">
        <v>40</v>
      </c>
    </row>
    <row r="55" spans="1:11" ht="15" customHeight="1">
      <c r="A55" s="20" t="s">
        <v>105</v>
      </c>
      <c r="B55" s="20"/>
      <c r="C55" s="16">
        <v>83</v>
      </c>
      <c r="D55" s="22">
        <v>44</v>
      </c>
      <c r="E55" s="22">
        <v>39</v>
      </c>
      <c r="F55" s="22"/>
      <c r="G55" s="21" t="s">
        <v>106</v>
      </c>
      <c r="H55" s="20"/>
      <c r="I55" s="16">
        <v>43</v>
      </c>
      <c r="J55" s="22">
        <v>8</v>
      </c>
      <c r="K55" s="22">
        <v>35</v>
      </c>
    </row>
    <row r="56" spans="1:11" ht="15" customHeight="1">
      <c r="A56" s="20" t="s">
        <v>107</v>
      </c>
      <c r="B56" s="20"/>
      <c r="C56" s="16">
        <v>92</v>
      </c>
      <c r="D56" s="22">
        <v>51</v>
      </c>
      <c r="E56" s="22">
        <v>41</v>
      </c>
      <c r="F56" s="22"/>
      <c r="G56" s="21" t="s">
        <v>108</v>
      </c>
      <c r="H56" s="20"/>
      <c r="I56" s="16">
        <v>29</v>
      </c>
      <c r="J56" s="22">
        <v>10</v>
      </c>
      <c r="K56" s="22">
        <v>19</v>
      </c>
    </row>
    <row r="57" spans="1:11" ht="15" customHeight="1">
      <c r="A57" s="20" t="s">
        <v>109</v>
      </c>
      <c r="B57" s="20"/>
      <c r="C57" s="16">
        <v>88</v>
      </c>
      <c r="D57" s="22">
        <v>51</v>
      </c>
      <c r="E57" s="22">
        <v>37</v>
      </c>
      <c r="F57" s="22"/>
      <c r="G57" s="21" t="s">
        <v>110</v>
      </c>
      <c r="H57" s="20"/>
      <c r="I57" s="16">
        <v>39</v>
      </c>
      <c r="J57" s="22">
        <v>13</v>
      </c>
      <c r="K57" s="22">
        <v>26</v>
      </c>
    </row>
    <row r="58" spans="1:11" ht="15" customHeight="1">
      <c r="A58" s="20" t="s">
        <v>111</v>
      </c>
      <c r="B58" s="20"/>
      <c r="C58" s="16">
        <v>98</v>
      </c>
      <c r="D58" s="22">
        <v>47</v>
      </c>
      <c r="E58" s="22">
        <v>51</v>
      </c>
      <c r="F58" s="22"/>
      <c r="G58" s="21" t="s">
        <v>112</v>
      </c>
      <c r="H58" s="20"/>
      <c r="I58" s="16">
        <v>24</v>
      </c>
      <c r="J58" s="22">
        <v>2</v>
      </c>
      <c r="K58" s="22">
        <v>22</v>
      </c>
    </row>
    <row r="59" spans="1:11" ht="20.100000000000001" customHeight="1">
      <c r="A59" s="20" t="s">
        <v>113</v>
      </c>
      <c r="B59" s="20"/>
      <c r="C59" s="16">
        <v>521</v>
      </c>
      <c r="D59" s="17">
        <v>269</v>
      </c>
      <c r="E59" s="17">
        <v>252</v>
      </c>
      <c r="F59" s="17"/>
      <c r="G59" s="21" t="s">
        <v>114</v>
      </c>
      <c r="H59" s="20"/>
      <c r="I59" s="16">
        <v>71</v>
      </c>
      <c r="J59" s="17">
        <v>11</v>
      </c>
      <c r="K59" s="17">
        <v>60</v>
      </c>
    </row>
    <row r="60" spans="1:11" ht="15" customHeight="1">
      <c r="A60" s="20" t="s">
        <v>115</v>
      </c>
      <c r="B60" s="20"/>
      <c r="C60" s="16">
        <v>67</v>
      </c>
      <c r="D60" s="22">
        <v>36</v>
      </c>
      <c r="E60" s="22">
        <v>31</v>
      </c>
      <c r="F60" s="22"/>
      <c r="G60" s="21" t="s">
        <v>116</v>
      </c>
      <c r="H60" s="20"/>
      <c r="I60" s="16">
        <v>23</v>
      </c>
      <c r="J60" s="22">
        <v>6</v>
      </c>
      <c r="K60" s="22">
        <v>17</v>
      </c>
    </row>
    <row r="61" spans="1:11" ht="15" customHeight="1">
      <c r="A61" s="20" t="s">
        <v>117</v>
      </c>
      <c r="B61" s="20"/>
      <c r="C61" s="16">
        <v>103</v>
      </c>
      <c r="D61" s="22">
        <v>57</v>
      </c>
      <c r="E61" s="22">
        <v>46</v>
      </c>
      <c r="F61" s="22"/>
      <c r="G61" s="21" t="s">
        <v>118</v>
      </c>
      <c r="H61" s="20"/>
      <c r="I61" s="16">
        <v>11</v>
      </c>
      <c r="J61" s="22">
        <v>0</v>
      </c>
      <c r="K61" s="22">
        <v>11</v>
      </c>
    </row>
    <row r="62" spans="1:11" ht="15" customHeight="1">
      <c r="A62" s="20" t="s">
        <v>119</v>
      </c>
      <c r="B62" s="20"/>
      <c r="C62" s="16">
        <v>105</v>
      </c>
      <c r="D62" s="22">
        <v>61</v>
      </c>
      <c r="E62" s="22">
        <v>44</v>
      </c>
      <c r="F62" s="22"/>
      <c r="G62" s="21" t="s">
        <v>120</v>
      </c>
      <c r="H62" s="20"/>
      <c r="I62" s="16">
        <v>16</v>
      </c>
      <c r="J62" s="22">
        <v>3</v>
      </c>
      <c r="K62" s="22">
        <v>13</v>
      </c>
    </row>
    <row r="63" spans="1:11" ht="15" customHeight="1">
      <c r="A63" s="20" t="s">
        <v>121</v>
      </c>
      <c r="B63" s="20"/>
      <c r="C63" s="16">
        <v>116</v>
      </c>
      <c r="D63" s="22">
        <v>60</v>
      </c>
      <c r="E63" s="22">
        <v>56</v>
      </c>
      <c r="F63" s="22"/>
      <c r="G63" s="21" t="s">
        <v>122</v>
      </c>
      <c r="H63" s="20"/>
      <c r="I63" s="16">
        <v>18</v>
      </c>
      <c r="J63" s="22">
        <v>0</v>
      </c>
      <c r="K63" s="22">
        <v>18</v>
      </c>
    </row>
    <row r="64" spans="1:11" ht="15" customHeight="1">
      <c r="A64" s="20" t="s">
        <v>123</v>
      </c>
      <c r="B64" s="20"/>
      <c r="C64" s="16">
        <v>130</v>
      </c>
      <c r="D64" s="22">
        <v>55</v>
      </c>
      <c r="E64" s="22">
        <v>75</v>
      </c>
      <c r="F64" s="22"/>
      <c r="G64" s="21" t="s">
        <v>124</v>
      </c>
      <c r="H64" s="20"/>
      <c r="I64" s="16">
        <v>3</v>
      </c>
      <c r="J64" s="22">
        <v>2</v>
      </c>
      <c r="K64" s="22">
        <v>1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0</v>
      </c>
      <c r="J65" s="22">
        <v>1</v>
      </c>
      <c r="K65" s="22">
        <v>9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549</v>
      </c>
      <c r="J66" s="32">
        <v>314</v>
      </c>
      <c r="K66" s="32">
        <v>235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7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56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6471</v>
      </c>
      <c r="D4" s="17">
        <v>3005</v>
      </c>
      <c r="E4" s="17">
        <v>3466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97</v>
      </c>
      <c r="D5" s="17">
        <v>49</v>
      </c>
      <c r="E5" s="17">
        <v>48</v>
      </c>
      <c r="F5" s="17"/>
      <c r="G5" s="21" t="s">
        <v>6</v>
      </c>
      <c r="H5" s="20"/>
      <c r="I5" s="16">
        <v>463</v>
      </c>
      <c r="J5" s="17">
        <v>225</v>
      </c>
      <c r="K5" s="17">
        <v>238</v>
      </c>
    </row>
    <row r="6" spans="1:11" ht="15" customHeight="1">
      <c r="A6" s="20" t="s">
        <v>7</v>
      </c>
      <c r="B6" s="20"/>
      <c r="C6" s="16">
        <v>14</v>
      </c>
      <c r="D6" s="22">
        <v>9</v>
      </c>
      <c r="E6" s="22">
        <v>5</v>
      </c>
      <c r="F6" s="22"/>
      <c r="G6" s="21" t="s">
        <v>8</v>
      </c>
      <c r="H6" s="20"/>
      <c r="I6" s="16">
        <v>90</v>
      </c>
      <c r="J6" s="22">
        <v>46</v>
      </c>
      <c r="K6" s="22">
        <v>44</v>
      </c>
    </row>
    <row r="7" spans="1:11" ht="15" customHeight="1">
      <c r="A7" s="20" t="s">
        <v>9</v>
      </c>
      <c r="B7" s="20"/>
      <c r="C7" s="16">
        <v>20</v>
      </c>
      <c r="D7" s="22">
        <v>10</v>
      </c>
      <c r="E7" s="22">
        <v>10</v>
      </c>
      <c r="F7" s="22"/>
      <c r="G7" s="21" t="s">
        <v>10</v>
      </c>
      <c r="H7" s="20"/>
      <c r="I7" s="16">
        <v>89</v>
      </c>
      <c r="J7" s="22">
        <v>48</v>
      </c>
      <c r="K7" s="22">
        <v>41</v>
      </c>
    </row>
    <row r="8" spans="1:11" ht="15" customHeight="1">
      <c r="A8" s="20" t="s">
        <v>11</v>
      </c>
      <c r="B8" s="20"/>
      <c r="C8" s="16">
        <v>17</v>
      </c>
      <c r="D8" s="22">
        <v>8</v>
      </c>
      <c r="E8" s="22">
        <v>9</v>
      </c>
      <c r="F8" s="22"/>
      <c r="G8" s="21" t="s">
        <v>12</v>
      </c>
      <c r="H8" s="20"/>
      <c r="I8" s="16">
        <v>84</v>
      </c>
      <c r="J8" s="22">
        <v>44</v>
      </c>
      <c r="K8" s="22">
        <v>40</v>
      </c>
    </row>
    <row r="9" spans="1:11" ht="15" customHeight="1">
      <c r="A9" s="20" t="s">
        <v>13</v>
      </c>
      <c r="B9" s="20"/>
      <c r="C9" s="16">
        <v>13</v>
      </c>
      <c r="D9" s="22">
        <v>3</v>
      </c>
      <c r="E9" s="22">
        <v>10</v>
      </c>
      <c r="F9" s="22"/>
      <c r="G9" s="21" t="s">
        <v>14</v>
      </c>
      <c r="H9" s="20"/>
      <c r="I9" s="16">
        <v>93</v>
      </c>
      <c r="J9" s="22">
        <v>39</v>
      </c>
      <c r="K9" s="22">
        <v>54</v>
      </c>
    </row>
    <row r="10" spans="1:11" ht="15" customHeight="1">
      <c r="A10" s="20" t="s">
        <v>15</v>
      </c>
      <c r="B10" s="20"/>
      <c r="C10" s="16">
        <v>33</v>
      </c>
      <c r="D10" s="22">
        <v>19</v>
      </c>
      <c r="E10" s="22">
        <v>14</v>
      </c>
      <c r="F10" s="22"/>
      <c r="G10" s="21" t="s">
        <v>16</v>
      </c>
      <c r="H10" s="20"/>
      <c r="I10" s="16">
        <v>107</v>
      </c>
      <c r="J10" s="22">
        <v>48</v>
      </c>
      <c r="K10" s="22">
        <v>59</v>
      </c>
    </row>
    <row r="11" spans="1:11" ht="20.100000000000001" customHeight="1">
      <c r="A11" s="20" t="s">
        <v>17</v>
      </c>
      <c r="B11" s="20"/>
      <c r="C11" s="16">
        <v>152</v>
      </c>
      <c r="D11" s="17">
        <v>77</v>
      </c>
      <c r="E11" s="17">
        <v>75</v>
      </c>
      <c r="F11" s="17"/>
      <c r="G11" s="21" t="s">
        <v>18</v>
      </c>
      <c r="H11" s="20"/>
      <c r="I11" s="16">
        <v>536</v>
      </c>
      <c r="J11" s="17">
        <v>259</v>
      </c>
      <c r="K11" s="17">
        <v>277</v>
      </c>
    </row>
    <row r="12" spans="1:11" ht="15" customHeight="1">
      <c r="A12" s="20" t="s">
        <v>19</v>
      </c>
      <c r="B12" s="20"/>
      <c r="C12" s="16">
        <v>24</v>
      </c>
      <c r="D12" s="22">
        <v>5</v>
      </c>
      <c r="E12" s="22">
        <v>19</v>
      </c>
      <c r="F12" s="22"/>
      <c r="G12" s="21" t="s">
        <v>20</v>
      </c>
      <c r="H12" s="20"/>
      <c r="I12" s="16">
        <v>113</v>
      </c>
      <c r="J12" s="22">
        <v>51</v>
      </c>
      <c r="K12" s="22">
        <v>62</v>
      </c>
    </row>
    <row r="13" spans="1:11" ht="15" customHeight="1">
      <c r="A13" s="20" t="s">
        <v>21</v>
      </c>
      <c r="B13" s="20"/>
      <c r="C13" s="16">
        <v>28</v>
      </c>
      <c r="D13" s="22">
        <v>15</v>
      </c>
      <c r="E13" s="22">
        <v>13</v>
      </c>
      <c r="F13" s="22"/>
      <c r="G13" s="21" t="s">
        <v>22</v>
      </c>
      <c r="H13" s="20"/>
      <c r="I13" s="16">
        <v>95</v>
      </c>
      <c r="J13" s="22">
        <v>53</v>
      </c>
      <c r="K13" s="22">
        <v>42</v>
      </c>
    </row>
    <row r="14" spans="1:11" ht="15" customHeight="1">
      <c r="A14" s="20" t="s">
        <v>23</v>
      </c>
      <c r="B14" s="20"/>
      <c r="C14" s="16">
        <v>31</v>
      </c>
      <c r="D14" s="22">
        <v>17</v>
      </c>
      <c r="E14" s="22">
        <v>14</v>
      </c>
      <c r="F14" s="22"/>
      <c r="G14" s="21" t="s">
        <v>24</v>
      </c>
      <c r="H14" s="20"/>
      <c r="I14" s="16">
        <v>116</v>
      </c>
      <c r="J14" s="22">
        <v>57</v>
      </c>
      <c r="K14" s="22">
        <v>59</v>
      </c>
    </row>
    <row r="15" spans="1:11" ht="15" customHeight="1">
      <c r="A15" s="20" t="s">
        <v>25</v>
      </c>
      <c r="B15" s="20"/>
      <c r="C15" s="16">
        <v>40</v>
      </c>
      <c r="D15" s="22">
        <v>22</v>
      </c>
      <c r="E15" s="22">
        <v>18</v>
      </c>
      <c r="F15" s="22"/>
      <c r="G15" s="21" t="s">
        <v>26</v>
      </c>
      <c r="H15" s="20"/>
      <c r="I15" s="16">
        <v>109</v>
      </c>
      <c r="J15" s="22">
        <v>53</v>
      </c>
      <c r="K15" s="22">
        <v>56</v>
      </c>
    </row>
    <row r="16" spans="1:11" ht="15" customHeight="1">
      <c r="A16" s="20" t="s">
        <v>27</v>
      </c>
      <c r="B16" s="20"/>
      <c r="C16" s="16">
        <v>29</v>
      </c>
      <c r="D16" s="22">
        <v>18</v>
      </c>
      <c r="E16" s="22">
        <v>11</v>
      </c>
      <c r="F16" s="22"/>
      <c r="G16" s="21" t="s">
        <v>28</v>
      </c>
      <c r="H16" s="20"/>
      <c r="I16" s="16">
        <v>103</v>
      </c>
      <c r="J16" s="22">
        <v>45</v>
      </c>
      <c r="K16" s="22">
        <v>58</v>
      </c>
    </row>
    <row r="17" spans="1:11" ht="20.100000000000001" customHeight="1">
      <c r="A17" s="24" t="s">
        <v>29</v>
      </c>
      <c r="B17" s="24"/>
      <c r="C17" s="16">
        <v>156</v>
      </c>
      <c r="D17" s="17">
        <v>73</v>
      </c>
      <c r="E17" s="17">
        <v>83</v>
      </c>
      <c r="F17" s="17"/>
      <c r="G17" s="21" t="s">
        <v>30</v>
      </c>
      <c r="H17" s="20"/>
      <c r="I17" s="16">
        <v>554</v>
      </c>
      <c r="J17" s="17">
        <v>260</v>
      </c>
      <c r="K17" s="17">
        <v>294</v>
      </c>
    </row>
    <row r="18" spans="1:11" ht="15" customHeight="1">
      <c r="A18" s="20" t="s">
        <v>31</v>
      </c>
      <c r="B18" s="20"/>
      <c r="C18" s="16">
        <v>31</v>
      </c>
      <c r="D18" s="22">
        <v>17</v>
      </c>
      <c r="E18" s="22">
        <v>14</v>
      </c>
      <c r="F18" s="22"/>
      <c r="G18" s="21" t="s">
        <v>32</v>
      </c>
      <c r="H18" s="20"/>
      <c r="I18" s="16">
        <v>123</v>
      </c>
      <c r="J18" s="22">
        <v>57</v>
      </c>
      <c r="K18" s="22">
        <v>66</v>
      </c>
    </row>
    <row r="19" spans="1:11" ht="15" customHeight="1">
      <c r="A19" s="20" t="s">
        <v>33</v>
      </c>
      <c r="B19" s="20"/>
      <c r="C19" s="16">
        <v>33</v>
      </c>
      <c r="D19" s="22">
        <v>16</v>
      </c>
      <c r="E19" s="22">
        <v>17</v>
      </c>
      <c r="F19" s="22"/>
      <c r="G19" s="21" t="s">
        <v>34</v>
      </c>
      <c r="H19" s="20"/>
      <c r="I19" s="16">
        <v>112</v>
      </c>
      <c r="J19" s="22">
        <v>50</v>
      </c>
      <c r="K19" s="22">
        <v>62</v>
      </c>
    </row>
    <row r="20" spans="1:11" ht="15" customHeight="1">
      <c r="A20" s="20" t="s">
        <v>35</v>
      </c>
      <c r="B20" s="20"/>
      <c r="C20" s="16">
        <v>30</v>
      </c>
      <c r="D20" s="22">
        <v>10</v>
      </c>
      <c r="E20" s="22">
        <v>20</v>
      </c>
      <c r="F20" s="22"/>
      <c r="G20" s="21" t="s">
        <v>36</v>
      </c>
      <c r="H20" s="20"/>
      <c r="I20" s="16">
        <v>95</v>
      </c>
      <c r="J20" s="22">
        <v>43</v>
      </c>
      <c r="K20" s="22">
        <v>52</v>
      </c>
    </row>
    <row r="21" spans="1:11" ht="15" customHeight="1">
      <c r="A21" s="20" t="s">
        <v>37</v>
      </c>
      <c r="B21" s="20"/>
      <c r="C21" s="16">
        <v>33</v>
      </c>
      <c r="D21" s="22">
        <v>14</v>
      </c>
      <c r="E21" s="22">
        <v>19</v>
      </c>
      <c r="F21" s="22"/>
      <c r="G21" s="21" t="s">
        <v>38</v>
      </c>
      <c r="H21" s="20"/>
      <c r="I21" s="16">
        <v>108</v>
      </c>
      <c r="J21" s="22">
        <v>56</v>
      </c>
      <c r="K21" s="22">
        <v>52</v>
      </c>
    </row>
    <row r="22" spans="1:11" ht="15" customHeight="1">
      <c r="A22" s="20" t="s">
        <v>39</v>
      </c>
      <c r="B22" s="20"/>
      <c r="C22" s="16">
        <v>29</v>
      </c>
      <c r="D22" s="22">
        <v>16</v>
      </c>
      <c r="E22" s="22">
        <v>13</v>
      </c>
      <c r="F22" s="22"/>
      <c r="G22" s="21" t="s">
        <v>40</v>
      </c>
      <c r="H22" s="20"/>
      <c r="I22" s="16">
        <v>116</v>
      </c>
      <c r="J22" s="22">
        <v>54</v>
      </c>
      <c r="K22" s="22">
        <v>62</v>
      </c>
    </row>
    <row r="23" spans="1:11" ht="20.100000000000001" customHeight="1">
      <c r="A23" s="20" t="s">
        <v>41</v>
      </c>
      <c r="B23" s="20"/>
      <c r="C23" s="16">
        <v>200</v>
      </c>
      <c r="D23" s="17">
        <v>108</v>
      </c>
      <c r="E23" s="17">
        <v>92</v>
      </c>
      <c r="F23" s="17"/>
      <c r="G23" s="21" t="s">
        <v>42</v>
      </c>
      <c r="H23" s="20"/>
      <c r="I23" s="16">
        <v>583</v>
      </c>
      <c r="J23" s="17">
        <v>300</v>
      </c>
      <c r="K23" s="17">
        <v>283</v>
      </c>
    </row>
    <row r="24" spans="1:11" ht="15" customHeight="1">
      <c r="A24" s="20" t="s">
        <v>43</v>
      </c>
      <c r="B24" s="20"/>
      <c r="C24" s="16">
        <v>42</v>
      </c>
      <c r="D24" s="22">
        <v>21</v>
      </c>
      <c r="E24" s="22">
        <v>21</v>
      </c>
      <c r="F24" s="22"/>
      <c r="G24" s="21" t="s">
        <v>44</v>
      </c>
      <c r="H24" s="20"/>
      <c r="I24" s="16">
        <v>109</v>
      </c>
      <c r="J24" s="22">
        <v>60</v>
      </c>
      <c r="K24" s="22">
        <v>49</v>
      </c>
    </row>
    <row r="25" spans="1:11" ht="15" customHeight="1">
      <c r="A25" s="20" t="s">
        <v>45</v>
      </c>
      <c r="B25" s="20"/>
      <c r="C25" s="16">
        <v>37</v>
      </c>
      <c r="D25" s="22">
        <v>16</v>
      </c>
      <c r="E25" s="22">
        <v>21</v>
      </c>
      <c r="F25" s="22"/>
      <c r="G25" s="21" t="s">
        <v>46</v>
      </c>
      <c r="H25" s="20"/>
      <c r="I25" s="16">
        <v>121</v>
      </c>
      <c r="J25" s="22">
        <v>57</v>
      </c>
      <c r="K25" s="22">
        <v>64</v>
      </c>
    </row>
    <row r="26" spans="1:11" ht="15" customHeight="1">
      <c r="A26" s="20" t="s">
        <v>47</v>
      </c>
      <c r="B26" s="20"/>
      <c r="C26" s="16">
        <v>29</v>
      </c>
      <c r="D26" s="22">
        <v>15</v>
      </c>
      <c r="E26" s="22">
        <v>14</v>
      </c>
      <c r="F26" s="22"/>
      <c r="G26" s="21" t="s">
        <v>48</v>
      </c>
      <c r="H26" s="20"/>
      <c r="I26" s="16">
        <v>113</v>
      </c>
      <c r="J26" s="22">
        <v>57</v>
      </c>
      <c r="K26" s="22">
        <v>56</v>
      </c>
    </row>
    <row r="27" spans="1:11" ht="15" customHeight="1">
      <c r="A27" s="20" t="s">
        <v>49</v>
      </c>
      <c r="B27" s="20"/>
      <c r="C27" s="16">
        <v>46</v>
      </c>
      <c r="D27" s="22">
        <v>24</v>
      </c>
      <c r="E27" s="22">
        <v>22</v>
      </c>
      <c r="F27" s="22"/>
      <c r="G27" s="21" t="s">
        <v>50</v>
      </c>
      <c r="H27" s="20"/>
      <c r="I27" s="16">
        <v>106</v>
      </c>
      <c r="J27" s="22">
        <v>56</v>
      </c>
      <c r="K27" s="22">
        <v>50</v>
      </c>
    </row>
    <row r="28" spans="1:11" ht="15" customHeight="1">
      <c r="A28" s="20" t="s">
        <v>51</v>
      </c>
      <c r="B28" s="20"/>
      <c r="C28" s="16">
        <v>46</v>
      </c>
      <c r="D28" s="22">
        <v>32</v>
      </c>
      <c r="E28" s="22">
        <v>14</v>
      </c>
      <c r="F28" s="22"/>
      <c r="G28" s="21" t="s">
        <v>52</v>
      </c>
      <c r="H28" s="20"/>
      <c r="I28" s="16">
        <v>134</v>
      </c>
      <c r="J28" s="22">
        <v>70</v>
      </c>
      <c r="K28" s="22">
        <v>64</v>
      </c>
    </row>
    <row r="29" spans="1:11" ht="20.100000000000001" customHeight="1">
      <c r="A29" s="20" t="s">
        <v>53</v>
      </c>
      <c r="B29" s="20"/>
      <c r="C29" s="16">
        <v>189</v>
      </c>
      <c r="D29" s="17">
        <v>93</v>
      </c>
      <c r="E29" s="17">
        <v>96</v>
      </c>
      <c r="F29" s="17"/>
      <c r="G29" s="21" t="s">
        <v>54</v>
      </c>
      <c r="H29" s="20"/>
      <c r="I29" s="16">
        <v>671</v>
      </c>
      <c r="J29" s="17">
        <v>309</v>
      </c>
      <c r="K29" s="17">
        <v>362</v>
      </c>
    </row>
    <row r="30" spans="1:11" ht="15" customHeight="1">
      <c r="A30" s="20" t="s">
        <v>55</v>
      </c>
      <c r="B30" s="20"/>
      <c r="C30" s="16">
        <v>43</v>
      </c>
      <c r="D30" s="22">
        <v>16</v>
      </c>
      <c r="E30" s="22">
        <v>27</v>
      </c>
      <c r="F30" s="22"/>
      <c r="G30" s="21" t="s">
        <v>56</v>
      </c>
      <c r="H30" s="20"/>
      <c r="I30" s="16">
        <v>113</v>
      </c>
      <c r="J30" s="22">
        <v>51</v>
      </c>
      <c r="K30" s="22">
        <v>62</v>
      </c>
    </row>
    <row r="31" spans="1:11" ht="15" customHeight="1">
      <c r="A31" s="20" t="s">
        <v>57</v>
      </c>
      <c r="B31" s="20"/>
      <c r="C31" s="16">
        <v>48</v>
      </c>
      <c r="D31" s="22">
        <v>26</v>
      </c>
      <c r="E31" s="22">
        <v>22</v>
      </c>
      <c r="F31" s="22"/>
      <c r="G31" s="21" t="s">
        <v>58</v>
      </c>
      <c r="H31" s="20"/>
      <c r="I31" s="16">
        <v>128</v>
      </c>
      <c r="J31" s="22">
        <v>68</v>
      </c>
      <c r="K31" s="22">
        <v>60</v>
      </c>
    </row>
    <row r="32" spans="1:11" ht="15" customHeight="1">
      <c r="A32" s="20" t="s">
        <v>59</v>
      </c>
      <c r="B32" s="20"/>
      <c r="C32" s="16">
        <v>38</v>
      </c>
      <c r="D32" s="22">
        <v>20</v>
      </c>
      <c r="E32" s="22">
        <v>18</v>
      </c>
      <c r="F32" s="22"/>
      <c r="G32" s="21" t="s">
        <v>60</v>
      </c>
      <c r="H32" s="20"/>
      <c r="I32" s="16">
        <v>139</v>
      </c>
      <c r="J32" s="22">
        <v>55</v>
      </c>
      <c r="K32" s="22">
        <v>84</v>
      </c>
    </row>
    <row r="33" spans="1:11" ht="15" customHeight="1">
      <c r="A33" s="20" t="s">
        <v>61</v>
      </c>
      <c r="B33" s="20"/>
      <c r="C33" s="16">
        <v>35</v>
      </c>
      <c r="D33" s="22">
        <v>17</v>
      </c>
      <c r="E33" s="22">
        <v>18</v>
      </c>
      <c r="F33" s="22"/>
      <c r="G33" s="21" t="s">
        <v>62</v>
      </c>
      <c r="H33" s="20"/>
      <c r="I33" s="16">
        <v>146</v>
      </c>
      <c r="J33" s="22">
        <v>65</v>
      </c>
      <c r="K33" s="22">
        <v>81</v>
      </c>
    </row>
    <row r="34" spans="1:11" ht="15" customHeight="1">
      <c r="A34" s="20" t="s">
        <v>63</v>
      </c>
      <c r="B34" s="20"/>
      <c r="C34" s="16">
        <v>25</v>
      </c>
      <c r="D34" s="22">
        <v>14</v>
      </c>
      <c r="E34" s="22">
        <v>11</v>
      </c>
      <c r="F34" s="22"/>
      <c r="G34" s="21" t="s">
        <v>64</v>
      </c>
      <c r="H34" s="20"/>
      <c r="I34" s="16">
        <v>145</v>
      </c>
      <c r="J34" s="22">
        <v>70</v>
      </c>
      <c r="K34" s="22">
        <v>75</v>
      </c>
    </row>
    <row r="35" spans="1:11" ht="20.100000000000001" customHeight="1">
      <c r="A35" s="20" t="s">
        <v>65</v>
      </c>
      <c r="B35" s="20"/>
      <c r="C35" s="16">
        <v>181</v>
      </c>
      <c r="D35" s="17">
        <v>87</v>
      </c>
      <c r="E35" s="17">
        <v>94</v>
      </c>
      <c r="F35" s="17"/>
      <c r="G35" s="21" t="s">
        <v>66</v>
      </c>
      <c r="H35" s="20"/>
      <c r="I35" s="16">
        <v>657</v>
      </c>
      <c r="J35" s="17">
        <v>288</v>
      </c>
      <c r="K35" s="17">
        <v>369</v>
      </c>
    </row>
    <row r="36" spans="1:11" ht="15" customHeight="1">
      <c r="A36" s="20" t="s">
        <v>67</v>
      </c>
      <c r="B36" s="20"/>
      <c r="C36" s="16">
        <v>36</v>
      </c>
      <c r="D36" s="22">
        <v>13</v>
      </c>
      <c r="E36" s="22">
        <v>23</v>
      </c>
      <c r="F36" s="22"/>
      <c r="G36" s="21" t="s">
        <v>68</v>
      </c>
      <c r="H36" s="20"/>
      <c r="I36" s="16">
        <v>169</v>
      </c>
      <c r="J36" s="22">
        <v>84</v>
      </c>
      <c r="K36" s="22">
        <v>85</v>
      </c>
    </row>
    <row r="37" spans="1:11" ht="15" customHeight="1">
      <c r="A37" s="20" t="s">
        <v>69</v>
      </c>
      <c r="B37" s="20"/>
      <c r="C37" s="16">
        <v>33</v>
      </c>
      <c r="D37" s="22">
        <v>20</v>
      </c>
      <c r="E37" s="22">
        <v>13</v>
      </c>
      <c r="F37" s="22"/>
      <c r="G37" s="21" t="s">
        <v>70</v>
      </c>
      <c r="H37" s="20"/>
      <c r="I37" s="16">
        <v>116</v>
      </c>
      <c r="J37" s="22">
        <v>45</v>
      </c>
      <c r="K37" s="22">
        <v>71</v>
      </c>
    </row>
    <row r="38" spans="1:11" ht="15" customHeight="1">
      <c r="A38" s="20" t="s">
        <v>71</v>
      </c>
      <c r="B38" s="20"/>
      <c r="C38" s="16">
        <v>42</v>
      </c>
      <c r="D38" s="22">
        <v>18</v>
      </c>
      <c r="E38" s="22">
        <v>24</v>
      </c>
      <c r="F38" s="22"/>
      <c r="G38" s="21" t="s">
        <v>72</v>
      </c>
      <c r="H38" s="20"/>
      <c r="I38" s="16">
        <v>108</v>
      </c>
      <c r="J38" s="22">
        <v>42</v>
      </c>
      <c r="K38" s="22">
        <v>66</v>
      </c>
    </row>
    <row r="39" spans="1:11" ht="15" customHeight="1">
      <c r="A39" s="20" t="s">
        <v>73</v>
      </c>
      <c r="B39" s="20"/>
      <c r="C39" s="16">
        <v>34</v>
      </c>
      <c r="D39" s="22">
        <v>17</v>
      </c>
      <c r="E39" s="22">
        <v>17</v>
      </c>
      <c r="F39" s="22"/>
      <c r="G39" s="21" t="s">
        <v>74</v>
      </c>
      <c r="H39" s="20"/>
      <c r="I39" s="16">
        <v>138</v>
      </c>
      <c r="J39" s="22">
        <v>65</v>
      </c>
      <c r="K39" s="22">
        <v>73</v>
      </c>
    </row>
    <row r="40" spans="1:11" ht="15" customHeight="1">
      <c r="A40" s="20" t="s">
        <v>75</v>
      </c>
      <c r="B40" s="20"/>
      <c r="C40" s="16">
        <v>36</v>
      </c>
      <c r="D40" s="22">
        <v>19</v>
      </c>
      <c r="E40" s="22">
        <v>17</v>
      </c>
      <c r="F40" s="22"/>
      <c r="G40" s="21" t="s">
        <v>76</v>
      </c>
      <c r="H40" s="20"/>
      <c r="I40" s="16">
        <v>126</v>
      </c>
      <c r="J40" s="22">
        <v>52</v>
      </c>
      <c r="K40" s="22">
        <v>74</v>
      </c>
    </row>
    <row r="41" spans="1:11" ht="20.100000000000001" customHeight="1">
      <c r="A41" s="20" t="s">
        <v>77</v>
      </c>
      <c r="B41" s="20"/>
      <c r="C41" s="16">
        <v>178</v>
      </c>
      <c r="D41" s="17">
        <v>92</v>
      </c>
      <c r="E41" s="17">
        <v>86</v>
      </c>
      <c r="F41" s="17"/>
      <c r="G41" s="21" t="s">
        <v>78</v>
      </c>
      <c r="H41" s="20"/>
      <c r="I41" s="16">
        <v>490</v>
      </c>
      <c r="J41" s="17">
        <v>204</v>
      </c>
      <c r="K41" s="17">
        <v>286</v>
      </c>
    </row>
    <row r="42" spans="1:11" ht="15" customHeight="1">
      <c r="A42" s="20" t="s">
        <v>79</v>
      </c>
      <c r="B42" s="20"/>
      <c r="C42" s="16">
        <v>31</v>
      </c>
      <c r="D42" s="22">
        <v>20</v>
      </c>
      <c r="E42" s="22">
        <v>11</v>
      </c>
      <c r="F42" s="22"/>
      <c r="G42" s="21" t="s">
        <v>80</v>
      </c>
      <c r="H42" s="20"/>
      <c r="I42" s="16">
        <v>113</v>
      </c>
      <c r="J42" s="22">
        <v>50</v>
      </c>
      <c r="K42" s="22">
        <v>63</v>
      </c>
    </row>
    <row r="43" spans="1:11" ht="15" customHeight="1">
      <c r="A43" s="20" t="s">
        <v>81</v>
      </c>
      <c r="B43" s="20"/>
      <c r="C43" s="16">
        <v>25</v>
      </c>
      <c r="D43" s="22">
        <v>15</v>
      </c>
      <c r="E43" s="22">
        <v>10</v>
      </c>
      <c r="F43" s="22"/>
      <c r="G43" s="21" t="s">
        <v>82</v>
      </c>
      <c r="H43" s="20"/>
      <c r="I43" s="16">
        <v>114</v>
      </c>
      <c r="J43" s="22">
        <v>56</v>
      </c>
      <c r="K43" s="22">
        <v>58</v>
      </c>
    </row>
    <row r="44" spans="1:11" ht="15" customHeight="1">
      <c r="A44" s="20" t="s">
        <v>83</v>
      </c>
      <c r="B44" s="20"/>
      <c r="C44" s="16">
        <v>40</v>
      </c>
      <c r="D44" s="22">
        <v>18</v>
      </c>
      <c r="E44" s="22">
        <v>22</v>
      </c>
      <c r="F44" s="22"/>
      <c r="G44" s="21" t="s">
        <v>84</v>
      </c>
      <c r="H44" s="20"/>
      <c r="I44" s="16">
        <v>119</v>
      </c>
      <c r="J44" s="22">
        <v>42</v>
      </c>
      <c r="K44" s="22">
        <v>77</v>
      </c>
    </row>
    <row r="45" spans="1:11" ht="15" customHeight="1">
      <c r="A45" s="20" t="s">
        <v>85</v>
      </c>
      <c r="B45" s="20"/>
      <c r="C45" s="16">
        <v>35</v>
      </c>
      <c r="D45" s="22">
        <v>16</v>
      </c>
      <c r="E45" s="22">
        <v>19</v>
      </c>
      <c r="F45" s="22"/>
      <c r="G45" s="21" t="s">
        <v>86</v>
      </c>
      <c r="H45" s="20"/>
      <c r="I45" s="16">
        <v>71</v>
      </c>
      <c r="J45" s="22">
        <v>24</v>
      </c>
      <c r="K45" s="22">
        <v>47</v>
      </c>
    </row>
    <row r="46" spans="1:11" ht="15" customHeight="1">
      <c r="A46" s="20" t="s">
        <v>87</v>
      </c>
      <c r="B46" s="20"/>
      <c r="C46" s="16">
        <v>47</v>
      </c>
      <c r="D46" s="22">
        <v>23</v>
      </c>
      <c r="E46" s="22">
        <v>24</v>
      </c>
      <c r="F46" s="22"/>
      <c r="G46" s="21" t="s">
        <v>88</v>
      </c>
      <c r="H46" s="20"/>
      <c r="I46" s="16">
        <v>73</v>
      </c>
      <c r="J46" s="22">
        <v>32</v>
      </c>
      <c r="K46" s="22">
        <v>41</v>
      </c>
    </row>
    <row r="47" spans="1:11" ht="20.100000000000001" customHeight="1">
      <c r="A47" s="20" t="s">
        <v>89</v>
      </c>
      <c r="B47" s="20"/>
      <c r="C47" s="16">
        <v>212</v>
      </c>
      <c r="D47" s="17">
        <v>113</v>
      </c>
      <c r="E47" s="17">
        <v>99</v>
      </c>
      <c r="F47" s="17"/>
      <c r="G47" s="21" t="s">
        <v>90</v>
      </c>
      <c r="H47" s="20"/>
      <c r="I47" s="16">
        <v>320</v>
      </c>
      <c r="J47" s="17">
        <v>108</v>
      </c>
      <c r="K47" s="17">
        <v>212</v>
      </c>
    </row>
    <row r="48" spans="1:11" ht="15" customHeight="1">
      <c r="A48" s="20" t="s">
        <v>91</v>
      </c>
      <c r="B48" s="20"/>
      <c r="C48" s="16">
        <v>41</v>
      </c>
      <c r="D48" s="22">
        <v>19</v>
      </c>
      <c r="E48" s="22">
        <v>22</v>
      </c>
      <c r="F48" s="22"/>
      <c r="G48" s="21" t="s">
        <v>92</v>
      </c>
      <c r="H48" s="20"/>
      <c r="I48" s="16">
        <v>66</v>
      </c>
      <c r="J48" s="22">
        <v>26</v>
      </c>
      <c r="K48" s="22">
        <v>40</v>
      </c>
    </row>
    <row r="49" spans="1:11" ht="15" customHeight="1">
      <c r="A49" s="20" t="s">
        <v>93</v>
      </c>
      <c r="B49" s="20"/>
      <c r="C49" s="16">
        <v>45</v>
      </c>
      <c r="D49" s="22">
        <v>20</v>
      </c>
      <c r="E49" s="22">
        <v>25</v>
      </c>
      <c r="F49" s="22"/>
      <c r="G49" s="21" t="s">
        <v>94</v>
      </c>
      <c r="H49" s="20"/>
      <c r="I49" s="16">
        <v>78</v>
      </c>
      <c r="J49" s="22">
        <v>24</v>
      </c>
      <c r="K49" s="22">
        <v>54</v>
      </c>
    </row>
    <row r="50" spans="1:11" ht="15" customHeight="1">
      <c r="A50" s="20" t="s">
        <v>95</v>
      </c>
      <c r="B50" s="20"/>
      <c r="C50" s="16">
        <v>31</v>
      </c>
      <c r="D50" s="22">
        <v>17</v>
      </c>
      <c r="E50" s="22">
        <v>14</v>
      </c>
      <c r="F50" s="22"/>
      <c r="G50" s="21" t="s">
        <v>96</v>
      </c>
      <c r="H50" s="20"/>
      <c r="I50" s="16">
        <v>54</v>
      </c>
      <c r="J50" s="22">
        <v>14</v>
      </c>
      <c r="K50" s="22">
        <v>40</v>
      </c>
    </row>
    <row r="51" spans="1:11" ht="15" customHeight="1">
      <c r="A51" s="20" t="s">
        <v>97</v>
      </c>
      <c r="B51" s="20"/>
      <c r="C51" s="16">
        <v>50</v>
      </c>
      <c r="D51" s="22">
        <v>27</v>
      </c>
      <c r="E51" s="22">
        <v>23</v>
      </c>
      <c r="F51" s="22"/>
      <c r="G51" s="21" t="s">
        <v>98</v>
      </c>
      <c r="H51" s="20"/>
      <c r="I51" s="16">
        <v>72</v>
      </c>
      <c r="J51" s="22">
        <v>22</v>
      </c>
      <c r="K51" s="22">
        <v>50</v>
      </c>
    </row>
    <row r="52" spans="1:11" ht="15" customHeight="1">
      <c r="A52" s="20" t="s">
        <v>99</v>
      </c>
      <c r="B52" s="20"/>
      <c r="C52" s="16">
        <v>45</v>
      </c>
      <c r="D52" s="22">
        <v>30</v>
      </c>
      <c r="E52" s="22">
        <v>15</v>
      </c>
      <c r="F52" s="22"/>
      <c r="G52" s="21" t="s">
        <v>100</v>
      </c>
      <c r="H52" s="20"/>
      <c r="I52" s="16">
        <v>50</v>
      </c>
      <c r="J52" s="22">
        <v>22</v>
      </c>
      <c r="K52" s="22">
        <v>28</v>
      </c>
    </row>
    <row r="53" spans="1:11" ht="20.100000000000001" customHeight="1">
      <c r="A53" s="20" t="s">
        <v>101</v>
      </c>
      <c r="B53" s="20"/>
      <c r="C53" s="16">
        <v>258</v>
      </c>
      <c r="D53" s="17">
        <v>126</v>
      </c>
      <c r="E53" s="17">
        <v>132</v>
      </c>
      <c r="F53" s="17"/>
      <c r="G53" s="21" t="s">
        <v>102</v>
      </c>
      <c r="H53" s="20"/>
      <c r="I53" s="16">
        <v>147</v>
      </c>
      <c r="J53" s="17">
        <v>37</v>
      </c>
      <c r="K53" s="17">
        <v>110</v>
      </c>
    </row>
    <row r="54" spans="1:11" ht="15" customHeight="1">
      <c r="A54" s="20" t="s">
        <v>103</v>
      </c>
      <c r="B54" s="20"/>
      <c r="C54" s="16">
        <v>54</v>
      </c>
      <c r="D54" s="22">
        <v>22</v>
      </c>
      <c r="E54" s="22">
        <v>32</v>
      </c>
      <c r="F54" s="22"/>
      <c r="G54" s="21" t="s">
        <v>104</v>
      </c>
      <c r="H54" s="20"/>
      <c r="I54" s="16">
        <v>35</v>
      </c>
      <c r="J54" s="22">
        <v>13</v>
      </c>
      <c r="K54" s="22">
        <v>22</v>
      </c>
    </row>
    <row r="55" spans="1:11" ht="15" customHeight="1">
      <c r="A55" s="20" t="s">
        <v>105</v>
      </c>
      <c r="B55" s="20"/>
      <c r="C55" s="16">
        <v>57</v>
      </c>
      <c r="D55" s="22">
        <v>33</v>
      </c>
      <c r="E55" s="22">
        <v>24</v>
      </c>
      <c r="F55" s="22"/>
      <c r="G55" s="21" t="s">
        <v>106</v>
      </c>
      <c r="H55" s="20"/>
      <c r="I55" s="16">
        <v>45</v>
      </c>
      <c r="J55" s="22">
        <v>9</v>
      </c>
      <c r="K55" s="22">
        <v>36</v>
      </c>
    </row>
    <row r="56" spans="1:11" ht="15" customHeight="1">
      <c r="A56" s="20" t="s">
        <v>107</v>
      </c>
      <c r="B56" s="20"/>
      <c r="C56" s="16">
        <v>44</v>
      </c>
      <c r="D56" s="22">
        <v>22</v>
      </c>
      <c r="E56" s="22">
        <v>22</v>
      </c>
      <c r="F56" s="22"/>
      <c r="G56" s="21" t="s">
        <v>108</v>
      </c>
      <c r="H56" s="20"/>
      <c r="I56" s="16">
        <v>33</v>
      </c>
      <c r="J56" s="22">
        <v>7</v>
      </c>
      <c r="K56" s="22">
        <v>26</v>
      </c>
    </row>
    <row r="57" spans="1:11" ht="15" customHeight="1">
      <c r="A57" s="20" t="s">
        <v>109</v>
      </c>
      <c r="B57" s="20"/>
      <c r="C57" s="16">
        <v>45</v>
      </c>
      <c r="D57" s="22">
        <v>19</v>
      </c>
      <c r="E57" s="22">
        <v>26</v>
      </c>
      <c r="F57" s="22"/>
      <c r="G57" s="21" t="s">
        <v>110</v>
      </c>
      <c r="H57" s="20"/>
      <c r="I57" s="16">
        <v>12</v>
      </c>
      <c r="J57" s="22">
        <v>5</v>
      </c>
      <c r="K57" s="22">
        <v>7</v>
      </c>
    </row>
    <row r="58" spans="1:11" ht="15" customHeight="1">
      <c r="A58" s="20" t="s">
        <v>111</v>
      </c>
      <c r="B58" s="20"/>
      <c r="C58" s="16">
        <v>58</v>
      </c>
      <c r="D58" s="22">
        <v>30</v>
      </c>
      <c r="E58" s="22">
        <v>28</v>
      </c>
      <c r="F58" s="22"/>
      <c r="G58" s="21" t="s">
        <v>112</v>
      </c>
      <c r="H58" s="20"/>
      <c r="I58" s="16">
        <v>22</v>
      </c>
      <c r="J58" s="22">
        <v>3</v>
      </c>
      <c r="K58" s="22">
        <v>19</v>
      </c>
    </row>
    <row r="59" spans="1:11" ht="20.100000000000001" customHeight="1">
      <c r="A59" s="20" t="s">
        <v>113</v>
      </c>
      <c r="B59" s="20"/>
      <c r="C59" s="16">
        <v>383</v>
      </c>
      <c r="D59" s="17">
        <v>182</v>
      </c>
      <c r="E59" s="17">
        <v>201</v>
      </c>
      <c r="F59" s="17"/>
      <c r="G59" s="21" t="s">
        <v>114</v>
      </c>
      <c r="H59" s="20"/>
      <c r="I59" s="16">
        <v>37</v>
      </c>
      <c r="J59" s="17">
        <v>10</v>
      </c>
      <c r="K59" s="17">
        <v>27</v>
      </c>
    </row>
    <row r="60" spans="1:11" ht="15" customHeight="1">
      <c r="A60" s="20" t="s">
        <v>115</v>
      </c>
      <c r="B60" s="20"/>
      <c r="C60" s="16">
        <v>56</v>
      </c>
      <c r="D60" s="22">
        <v>27</v>
      </c>
      <c r="E60" s="22">
        <v>29</v>
      </c>
      <c r="F60" s="22"/>
      <c r="G60" s="21" t="s">
        <v>116</v>
      </c>
      <c r="H60" s="20"/>
      <c r="I60" s="16">
        <v>13</v>
      </c>
      <c r="J60" s="22">
        <v>4</v>
      </c>
      <c r="K60" s="22">
        <v>9</v>
      </c>
    </row>
    <row r="61" spans="1:11" ht="15" customHeight="1">
      <c r="A61" s="20" t="s">
        <v>117</v>
      </c>
      <c r="B61" s="20"/>
      <c r="C61" s="16">
        <v>79</v>
      </c>
      <c r="D61" s="22">
        <v>32</v>
      </c>
      <c r="E61" s="22">
        <v>47</v>
      </c>
      <c r="F61" s="22"/>
      <c r="G61" s="21" t="s">
        <v>118</v>
      </c>
      <c r="H61" s="20"/>
      <c r="I61" s="16">
        <v>8</v>
      </c>
      <c r="J61" s="22">
        <v>2</v>
      </c>
      <c r="K61" s="22">
        <v>6</v>
      </c>
    </row>
    <row r="62" spans="1:11" ht="15" customHeight="1">
      <c r="A62" s="20" t="s">
        <v>119</v>
      </c>
      <c r="B62" s="20"/>
      <c r="C62" s="16">
        <v>66</v>
      </c>
      <c r="D62" s="22">
        <v>32</v>
      </c>
      <c r="E62" s="22">
        <v>34</v>
      </c>
      <c r="F62" s="22"/>
      <c r="G62" s="21" t="s">
        <v>120</v>
      </c>
      <c r="H62" s="20"/>
      <c r="I62" s="16">
        <v>5</v>
      </c>
      <c r="J62" s="22">
        <v>2</v>
      </c>
      <c r="K62" s="22">
        <v>3</v>
      </c>
    </row>
    <row r="63" spans="1:11" ht="15" customHeight="1">
      <c r="A63" s="20" t="s">
        <v>121</v>
      </c>
      <c r="B63" s="20"/>
      <c r="C63" s="16">
        <v>85</v>
      </c>
      <c r="D63" s="22">
        <v>43</v>
      </c>
      <c r="E63" s="22">
        <v>42</v>
      </c>
      <c r="F63" s="22"/>
      <c r="G63" s="21" t="s">
        <v>122</v>
      </c>
      <c r="H63" s="20"/>
      <c r="I63" s="16">
        <v>6</v>
      </c>
      <c r="J63" s="22">
        <v>1</v>
      </c>
      <c r="K63" s="22">
        <v>5</v>
      </c>
    </row>
    <row r="64" spans="1:11" ht="15" customHeight="1">
      <c r="A64" s="20" t="s">
        <v>123</v>
      </c>
      <c r="B64" s="20"/>
      <c r="C64" s="16">
        <v>97</v>
      </c>
      <c r="D64" s="22">
        <v>48</v>
      </c>
      <c r="E64" s="22">
        <v>49</v>
      </c>
      <c r="F64" s="22"/>
      <c r="G64" s="21" t="s">
        <v>124</v>
      </c>
      <c r="H64" s="20"/>
      <c r="I64" s="16">
        <v>5</v>
      </c>
      <c r="J64" s="22">
        <v>1</v>
      </c>
      <c r="K64" s="22">
        <v>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</v>
      </c>
      <c r="J65" s="22">
        <v>1</v>
      </c>
      <c r="K65" s="22">
        <v>0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6</v>
      </c>
      <c r="J66" s="32">
        <v>4</v>
      </c>
      <c r="K66" s="32">
        <v>2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8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57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2789</v>
      </c>
      <c r="D4" s="17">
        <v>10595</v>
      </c>
      <c r="E4" s="17">
        <v>12194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373</v>
      </c>
      <c r="D5" s="17">
        <v>197</v>
      </c>
      <c r="E5" s="17">
        <v>176</v>
      </c>
      <c r="F5" s="17"/>
      <c r="G5" s="21" t="s">
        <v>6</v>
      </c>
      <c r="H5" s="20"/>
      <c r="I5" s="16">
        <v>1667</v>
      </c>
      <c r="J5" s="17">
        <v>824</v>
      </c>
      <c r="K5" s="17">
        <v>843</v>
      </c>
    </row>
    <row r="6" spans="1:11" ht="15" customHeight="1">
      <c r="A6" s="20" t="s">
        <v>7</v>
      </c>
      <c r="B6" s="20"/>
      <c r="C6" s="16">
        <v>69</v>
      </c>
      <c r="D6" s="22">
        <v>33</v>
      </c>
      <c r="E6" s="22">
        <v>36</v>
      </c>
      <c r="F6" s="22"/>
      <c r="G6" s="21" t="s">
        <v>8</v>
      </c>
      <c r="H6" s="20"/>
      <c r="I6" s="16">
        <v>323</v>
      </c>
      <c r="J6" s="22">
        <v>176</v>
      </c>
      <c r="K6" s="22">
        <v>147</v>
      </c>
    </row>
    <row r="7" spans="1:11" ht="15" customHeight="1">
      <c r="A7" s="20" t="s">
        <v>9</v>
      </c>
      <c r="B7" s="20"/>
      <c r="C7" s="16">
        <v>81</v>
      </c>
      <c r="D7" s="22">
        <v>41</v>
      </c>
      <c r="E7" s="22">
        <v>40</v>
      </c>
      <c r="F7" s="22"/>
      <c r="G7" s="21" t="s">
        <v>10</v>
      </c>
      <c r="H7" s="20"/>
      <c r="I7" s="16">
        <v>313</v>
      </c>
      <c r="J7" s="22">
        <v>147</v>
      </c>
      <c r="K7" s="22">
        <v>166</v>
      </c>
    </row>
    <row r="8" spans="1:11" ht="15" customHeight="1">
      <c r="A8" s="20" t="s">
        <v>11</v>
      </c>
      <c r="B8" s="20"/>
      <c r="C8" s="16">
        <v>63</v>
      </c>
      <c r="D8" s="22">
        <v>35</v>
      </c>
      <c r="E8" s="22">
        <v>28</v>
      </c>
      <c r="F8" s="22"/>
      <c r="G8" s="21" t="s">
        <v>12</v>
      </c>
      <c r="H8" s="20"/>
      <c r="I8" s="16">
        <v>346</v>
      </c>
      <c r="J8" s="22">
        <v>176</v>
      </c>
      <c r="K8" s="22">
        <v>170</v>
      </c>
    </row>
    <row r="9" spans="1:11" ht="15" customHeight="1">
      <c r="A9" s="20" t="s">
        <v>13</v>
      </c>
      <c r="B9" s="20"/>
      <c r="C9" s="16">
        <v>78</v>
      </c>
      <c r="D9" s="22">
        <v>46</v>
      </c>
      <c r="E9" s="22">
        <v>32</v>
      </c>
      <c r="F9" s="22"/>
      <c r="G9" s="21" t="s">
        <v>14</v>
      </c>
      <c r="H9" s="20"/>
      <c r="I9" s="16">
        <v>369</v>
      </c>
      <c r="J9" s="22">
        <v>177</v>
      </c>
      <c r="K9" s="22">
        <v>192</v>
      </c>
    </row>
    <row r="10" spans="1:11" ht="15" customHeight="1">
      <c r="A10" s="20" t="s">
        <v>15</v>
      </c>
      <c r="B10" s="20"/>
      <c r="C10" s="16">
        <v>82</v>
      </c>
      <c r="D10" s="22">
        <v>42</v>
      </c>
      <c r="E10" s="22">
        <v>40</v>
      </c>
      <c r="F10" s="22"/>
      <c r="G10" s="21" t="s">
        <v>16</v>
      </c>
      <c r="H10" s="20"/>
      <c r="I10" s="16">
        <v>316</v>
      </c>
      <c r="J10" s="22">
        <v>148</v>
      </c>
      <c r="K10" s="22">
        <v>168</v>
      </c>
    </row>
    <row r="11" spans="1:11" ht="20.100000000000001" customHeight="1">
      <c r="A11" s="20" t="s">
        <v>17</v>
      </c>
      <c r="B11" s="20"/>
      <c r="C11" s="16">
        <v>482</v>
      </c>
      <c r="D11" s="17">
        <v>275</v>
      </c>
      <c r="E11" s="17">
        <v>207</v>
      </c>
      <c r="F11" s="17"/>
      <c r="G11" s="21" t="s">
        <v>18</v>
      </c>
      <c r="H11" s="20"/>
      <c r="I11" s="16">
        <v>1659</v>
      </c>
      <c r="J11" s="17">
        <v>831</v>
      </c>
      <c r="K11" s="17">
        <v>828</v>
      </c>
    </row>
    <row r="12" spans="1:11" ht="15" customHeight="1">
      <c r="A12" s="20" t="s">
        <v>19</v>
      </c>
      <c r="B12" s="20"/>
      <c r="C12" s="16">
        <v>75</v>
      </c>
      <c r="D12" s="22">
        <v>41</v>
      </c>
      <c r="E12" s="22">
        <v>34</v>
      </c>
      <c r="F12" s="22"/>
      <c r="G12" s="21" t="s">
        <v>20</v>
      </c>
      <c r="H12" s="20"/>
      <c r="I12" s="16">
        <v>365</v>
      </c>
      <c r="J12" s="22">
        <v>172</v>
      </c>
      <c r="K12" s="22">
        <v>193</v>
      </c>
    </row>
    <row r="13" spans="1:11" ht="15" customHeight="1">
      <c r="A13" s="20" t="s">
        <v>21</v>
      </c>
      <c r="B13" s="20"/>
      <c r="C13" s="16">
        <v>93</v>
      </c>
      <c r="D13" s="22">
        <v>53</v>
      </c>
      <c r="E13" s="22">
        <v>40</v>
      </c>
      <c r="F13" s="22"/>
      <c r="G13" s="21" t="s">
        <v>22</v>
      </c>
      <c r="H13" s="20"/>
      <c r="I13" s="16">
        <v>261</v>
      </c>
      <c r="J13" s="22">
        <v>128</v>
      </c>
      <c r="K13" s="22">
        <v>133</v>
      </c>
    </row>
    <row r="14" spans="1:11" ht="15" customHeight="1">
      <c r="A14" s="20" t="s">
        <v>23</v>
      </c>
      <c r="B14" s="20"/>
      <c r="C14" s="16">
        <v>104</v>
      </c>
      <c r="D14" s="22">
        <v>60</v>
      </c>
      <c r="E14" s="22">
        <v>44</v>
      </c>
      <c r="F14" s="22"/>
      <c r="G14" s="21" t="s">
        <v>24</v>
      </c>
      <c r="H14" s="20"/>
      <c r="I14" s="16">
        <v>369</v>
      </c>
      <c r="J14" s="22">
        <v>187</v>
      </c>
      <c r="K14" s="22">
        <v>182</v>
      </c>
    </row>
    <row r="15" spans="1:11" ht="15" customHeight="1">
      <c r="A15" s="20" t="s">
        <v>25</v>
      </c>
      <c r="B15" s="20"/>
      <c r="C15" s="16">
        <v>100</v>
      </c>
      <c r="D15" s="22">
        <v>58</v>
      </c>
      <c r="E15" s="22">
        <v>42</v>
      </c>
      <c r="F15" s="22"/>
      <c r="G15" s="21" t="s">
        <v>26</v>
      </c>
      <c r="H15" s="20"/>
      <c r="I15" s="16">
        <v>317</v>
      </c>
      <c r="J15" s="22">
        <v>174</v>
      </c>
      <c r="K15" s="22">
        <v>143</v>
      </c>
    </row>
    <row r="16" spans="1:11" ht="15" customHeight="1">
      <c r="A16" s="20" t="s">
        <v>27</v>
      </c>
      <c r="B16" s="20"/>
      <c r="C16" s="16">
        <v>110</v>
      </c>
      <c r="D16" s="22">
        <v>63</v>
      </c>
      <c r="E16" s="22">
        <v>47</v>
      </c>
      <c r="F16" s="22"/>
      <c r="G16" s="21" t="s">
        <v>28</v>
      </c>
      <c r="H16" s="20"/>
      <c r="I16" s="16">
        <v>347</v>
      </c>
      <c r="J16" s="22">
        <v>170</v>
      </c>
      <c r="K16" s="22">
        <v>177</v>
      </c>
    </row>
    <row r="17" spans="1:11" ht="20.100000000000001" customHeight="1">
      <c r="A17" s="24" t="s">
        <v>29</v>
      </c>
      <c r="B17" s="24"/>
      <c r="C17" s="16">
        <v>703</v>
      </c>
      <c r="D17" s="17">
        <v>355</v>
      </c>
      <c r="E17" s="17">
        <v>348</v>
      </c>
      <c r="F17" s="17"/>
      <c r="G17" s="21" t="s">
        <v>30</v>
      </c>
      <c r="H17" s="20"/>
      <c r="I17" s="16">
        <v>1645</v>
      </c>
      <c r="J17" s="17">
        <v>825</v>
      </c>
      <c r="K17" s="17">
        <v>820</v>
      </c>
    </row>
    <row r="18" spans="1:11" ht="15" customHeight="1">
      <c r="A18" s="20" t="s">
        <v>31</v>
      </c>
      <c r="B18" s="20"/>
      <c r="C18" s="16">
        <v>122</v>
      </c>
      <c r="D18" s="22">
        <v>59</v>
      </c>
      <c r="E18" s="22">
        <v>63</v>
      </c>
      <c r="F18" s="22"/>
      <c r="G18" s="21" t="s">
        <v>32</v>
      </c>
      <c r="H18" s="20"/>
      <c r="I18" s="16">
        <v>325</v>
      </c>
      <c r="J18" s="22">
        <v>159</v>
      </c>
      <c r="K18" s="22">
        <v>166</v>
      </c>
    </row>
    <row r="19" spans="1:11" ht="15" customHeight="1">
      <c r="A19" s="20" t="s">
        <v>33</v>
      </c>
      <c r="B19" s="20"/>
      <c r="C19" s="16">
        <v>145</v>
      </c>
      <c r="D19" s="22">
        <v>71</v>
      </c>
      <c r="E19" s="22">
        <v>74</v>
      </c>
      <c r="F19" s="22"/>
      <c r="G19" s="21" t="s">
        <v>34</v>
      </c>
      <c r="H19" s="20"/>
      <c r="I19" s="16">
        <v>323</v>
      </c>
      <c r="J19" s="22">
        <v>169</v>
      </c>
      <c r="K19" s="22">
        <v>154</v>
      </c>
    </row>
    <row r="20" spans="1:11" ht="15" customHeight="1">
      <c r="A20" s="20" t="s">
        <v>35</v>
      </c>
      <c r="B20" s="20"/>
      <c r="C20" s="16">
        <v>151</v>
      </c>
      <c r="D20" s="22">
        <v>79</v>
      </c>
      <c r="E20" s="22">
        <v>72</v>
      </c>
      <c r="F20" s="22"/>
      <c r="G20" s="21" t="s">
        <v>36</v>
      </c>
      <c r="H20" s="20"/>
      <c r="I20" s="16">
        <v>260</v>
      </c>
      <c r="J20" s="22">
        <v>124</v>
      </c>
      <c r="K20" s="22">
        <v>136</v>
      </c>
    </row>
    <row r="21" spans="1:11" ht="15" customHeight="1">
      <c r="A21" s="20" t="s">
        <v>37</v>
      </c>
      <c r="B21" s="20"/>
      <c r="C21" s="16">
        <v>135</v>
      </c>
      <c r="D21" s="22">
        <v>67</v>
      </c>
      <c r="E21" s="22">
        <v>68</v>
      </c>
      <c r="F21" s="22"/>
      <c r="G21" s="21" t="s">
        <v>38</v>
      </c>
      <c r="H21" s="20"/>
      <c r="I21" s="16">
        <v>351</v>
      </c>
      <c r="J21" s="22">
        <v>170</v>
      </c>
      <c r="K21" s="22">
        <v>181</v>
      </c>
    </row>
    <row r="22" spans="1:11" ht="15" customHeight="1">
      <c r="A22" s="20" t="s">
        <v>39</v>
      </c>
      <c r="B22" s="20"/>
      <c r="C22" s="16">
        <v>150</v>
      </c>
      <c r="D22" s="22">
        <v>79</v>
      </c>
      <c r="E22" s="22">
        <v>71</v>
      </c>
      <c r="F22" s="22"/>
      <c r="G22" s="21" t="s">
        <v>40</v>
      </c>
      <c r="H22" s="20"/>
      <c r="I22" s="16">
        <v>386</v>
      </c>
      <c r="J22" s="22">
        <v>203</v>
      </c>
      <c r="K22" s="22">
        <v>183</v>
      </c>
    </row>
    <row r="23" spans="1:11" ht="20.100000000000001" customHeight="1">
      <c r="A23" s="20" t="s">
        <v>41</v>
      </c>
      <c r="B23" s="20"/>
      <c r="C23" s="16">
        <v>804</v>
      </c>
      <c r="D23" s="17">
        <v>431</v>
      </c>
      <c r="E23" s="17">
        <v>373</v>
      </c>
      <c r="F23" s="17"/>
      <c r="G23" s="21" t="s">
        <v>42</v>
      </c>
      <c r="H23" s="20"/>
      <c r="I23" s="16">
        <v>1699</v>
      </c>
      <c r="J23" s="17">
        <v>813</v>
      </c>
      <c r="K23" s="17">
        <v>886</v>
      </c>
    </row>
    <row r="24" spans="1:11" ht="15" customHeight="1">
      <c r="A24" s="20" t="s">
        <v>43</v>
      </c>
      <c r="B24" s="20"/>
      <c r="C24" s="16">
        <v>153</v>
      </c>
      <c r="D24" s="22">
        <v>74</v>
      </c>
      <c r="E24" s="22">
        <v>79</v>
      </c>
      <c r="F24" s="22"/>
      <c r="G24" s="21" t="s">
        <v>44</v>
      </c>
      <c r="H24" s="20"/>
      <c r="I24" s="16">
        <v>293</v>
      </c>
      <c r="J24" s="22">
        <v>141</v>
      </c>
      <c r="K24" s="22">
        <v>152</v>
      </c>
    </row>
    <row r="25" spans="1:11" ht="15" customHeight="1">
      <c r="A25" s="20" t="s">
        <v>45</v>
      </c>
      <c r="B25" s="20"/>
      <c r="C25" s="16">
        <v>158</v>
      </c>
      <c r="D25" s="22">
        <v>96</v>
      </c>
      <c r="E25" s="22">
        <v>62</v>
      </c>
      <c r="F25" s="22"/>
      <c r="G25" s="21" t="s">
        <v>46</v>
      </c>
      <c r="H25" s="20"/>
      <c r="I25" s="16">
        <v>319</v>
      </c>
      <c r="J25" s="22">
        <v>163</v>
      </c>
      <c r="K25" s="22">
        <v>156</v>
      </c>
    </row>
    <row r="26" spans="1:11" ht="15" customHeight="1">
      <c r="A26" s="20" t="s">
        <v>47</v>
      </c>
      <c r="B26" s="20"/>
      <c r="C26" s="16">
        <v>146</v>
      </c>
      <c r="D26" s="22">
        <v>76</v>
      </c>
      <c r="E26" s="22">
        <v>70</v>
      </c>
      <c r="F26" s="22"/>
      <c r="G26" s="21" t="s">
        <v>48</v>
      </c>
      <c r="H26" s="20"/>
      <c r="I26" s="16">
        <v>359</v>
      </c>
      <c r="J26" s="22">
        <v>173</v>
      </c>
      <c r="K26" s="22">
        <v>186</v>
      </c>
    </row>
    <row r="27" spans="1:11" ht="15" customHeight="1">
      <c r="A27" s="20" t="s">
        <v>49</v>
      </c>
      <c r="B27" s="20"/>
      <c r="C27" s="16">
        <v>163</v>
      </c>
      <c r="D27" s="22">
        <v>94</v>
      </c>
      <c r="E27" s="22">
        <v>69</v>
      </c>
      <c r="F27" s="22"/>
      <c r="G27" s="21" t="s">
        <v>50</v>
      </c>
      <c r="H27" s="20"/>
      <c r="I27" s="16">
        <v>357</v>
      </c>
      <c r="J27" s="22">
        <v>161</v>
      </c>
      <c r="K27" s="22">
        <v>196</v>
      </c>
    </row>
    <row r="28" spans="1:11" ht="15" customHeight="1">
      <c r="A28" s="20" t="s">
        <v>51</v>
      </c>
      <c r="B28" s="20"/>
      <c r="C28" s="16">
        <v>184</v>
      </c>
      <c r="D28" s="22">
        <v>91</v>
      </c>
      <c r="E28" s="22">
        <v>93</v>
      </c>
      <c r="F28" s="22"/>
      <c r="G28" s="21" t="s">
        <v>52</v>
      </c>
      <c r="H28" s="20"/>
      <c r="I28" s="16">
        <v>371</v>
      </c>
      <c r="J28" s="22">
        <v>175</v>
      </c>
      <c r="K28" s="22">
        <v>196</v>
      </c>
    </row>
    <row r="29" spans="1:11" ht="20.100000000000001" customHeight="1">
      <c r="A29" s="20" t="s">
        <v>53</v>
      </c>
      <c r="B29" s="20"/>
      <c r="C29" s="16">
        <v>839</v>
      </c>
      <c r="D29" s="17">
        <v>375</v>
      </c>
      <c r="E29" s="17">
        <v>464</v>
      </c>
      <c r="F29" s="17"/>
      <c r="G29" s="21" t="s">
        <v>54</v>
      </c>
      <c r="H29" s="20"/>
      <c r="I29" s="16">
        <v>2402</v>
      </c>
      <c r="J29" s="17">
        <v>1101</v>
      </c>
      <c r="K29" s="17">
        <v>1301</v>
      </c>
    </row>
    <row r="30" spans="1:11" ht="15" customHeight="1">
      <c r="A30" s="20" t="s">
        <v>55</v>
      </c>
      <c r="B30" s="20"/>
      <c r="C30" s="16">
        <v>162</v>
      </c>
      <c r="D30" s="22">
        <v>79</v>
      </c>
      <c r="E30" s="22">
        <v>83</v>
      </c>
      <c r="F30" s="22"/>
      <c r="G30" s="21" t="s">
        <v>56</v>
      </c>
      <c r="H30" s="20"/>
      <c r="I30" s="16">
        <v>435</v>
      </c>
      <c r="J30" s="22">
        <v>194</v>
      </c>
      <c r="K30" s="22">
        <v>241</v>
      </c>
    </row>
    <row r="31" spans="1:11" ht="15" customHeight="1">
      <c r="A31" s="20" t="s">
        <v>57</v>
      </c>
      <c r="B31" s="20"/>
      <c r="C31" s="16">
        <v>202</v>
      </c>
      <c r="D31" s="22">
        <v>92</v>
      </c>
      <c r="E31" s="22">
        <v>110</v>
      </c>
      <c r="F31" s="22"/>
      <c r="G31" s="21" t="s">
        <v>58</v>
      </c>
      <c r="H31" s="20"/>
      <c r="I31" s="16">
        <v>437</v>
      </c>
      <c r="J31" s="22">
        <v>197</v>
      </c>
      <c r="K31" s="22">
        <v>240</v>
      </c>
    </row>
    <row r="32" spans="1:11" ht="15" customHeight="1">
      <c r="A32" s="20" t="s">
        <v>59</v>
      </c>
      <c r="B32" s="20"/>
      <c r="C32" s="16">
        <v>162</v>
      </c>
      <c r="D32" s="22">
        <v>66</v>
      </c>
      <c r="E32" s="22">
        <v>96</v>
      </c>
      <c r="F32" s="22"/>
      <c r="G32" s="21" t="s">
        <v>60</v>
      </c>
      <c r="H32" s="20"/>
      <c r="I32" s="16">
        <v>438</v>
      </c>
      <c r="J32" s="22">
        <v>201</v>
      </c>
      <c r="K32" s="22">
        <v>237</v>
      </c>
    </row>
    <row r="33" spans="1:11" ht="15" customHeight="1">
      <c r="A33" s="20" t="s">
        <v>61</v>
      </c>
      <c r="B33" s="20"/>
      <c r="C33" s="16">
        <v>148</v>
      </c>
      <c r="D33" s="22">
        <v>62</v>
      </c>
      <c r="E33" s="22">
        <v>86</v>
      </c>
      <c r="F33" s="22"/>
      <c r="G33" s="21" t="s">
        <v>62</v>
      </c>
      <c r="H33" s="20"/>
      <c r="I33" s="16">
        <v>557</v>
      </c>
      <c r="J33" s="22">
        <v>258</v>
      </c>
      <c r="K33" s="22">
        <v>299</v>
      </c>
    </row>
    <row r="34" spans="1:11" ht="15" customHeight="1">
      <c r="A34" s="20" t="s">
        <v>63</v>
      </c>
      <c r="B34" s="20"/>
      <c r="C34" s="16">
        <v>165</v>
      </c>
      <c r="D34" s="22">
        <v>76</v>
      </c>
      <c r="E34" s="22">
        <v>89</v>
      </c>
      <c r="F34" s="22"/>
      <c r="G34" s="21" t="s">
        <v>64</v>
      </c>
      <c r="H34" s="20"/>
      <c r="I34" s="16">
        <v>535</v>
      </c>
      <c r="J34" s="22">
        <v>251</v>
      </c>
      <c r="K34" s="22">
        <v>284</v>
      </c>
    </row>
    <row r="35" spans="1:11" ht="20.100000000000001" customHeight="1">
      <c r="A35" s="20" t="s">
        <v>65</v>
      </c>
      <c r="B35" s="20"/>
      <c r="C35" s="16">
        <v>735</v>
      </c>
      <c r="D35" s="17">
        <v>395</v>
      </c>
      <c r="E35" s="17">
        <v>340</v>
      </c>
      <c r="F35" s="17"/>
      <c r="G35" s="21" t="s">
        <v>66</v>
      </c>
      <c r="H35" s="20"/>
      <c r="I35" s="16">
        <v>2122</v>
      </c>
      <c r="J35" s="17">
        <v>919</v>
      </c>
      <c r="K35" s="17">
        <v>1203</v>
      </c>
    </row>
    <row r="36" spans="1:11" ht="15" customHeight="1">
      <c r="A36" s="20" t="s">
        <v>67</v>
      </c>
      <c r="B36" s="20"/>
      <c r="C36" s="16">
        <v>189</v>
      </c>
      <c r="D36" s="22">
        <v>105</v>
      </c>
      <c r="E36" s="22">
        <v>84</v>
      </c>
      <c r="F36" s="22"/>
      <c r="G36" s="21" t="s">
        <v>68</v>
      </c>
      <c r="H36" s="20"/>
      <c r="I36" s="16">
        <v>503</v>
      </c>
      <c r="J36" s="22">
        <v>222</v>
      </c>
      <c r="K36" s="22">
        <v>281</v>
      </c>
    </row>
    <row r="37" spans="1:11" ht="15" customHeight="1">
      <c r="A37" s="20" t="s">
        <v>69</v>
      </c>
      <c r="B37" s="20"/>
      <c r="C37" s="16">
        <v>147</v>
      </c>
      <c r="D37" s="22">
        <v>72</v>
      </c>
      <c r="E37" s="22">
        <v>75</v>
      </c>
      <c r="F37" s="22"/>
      <c r="G37" s="21" t="s">
        <v>70</v>
      </c>
      <c r="H37" s="20"/>
      <c r="I37" s="16">
        <v>371</v>
      </c>
      <c r="J37" s="22">
        <v>164</v>
      </c>
      <c r="K37" s="22">
        <v>207</v>
      </c>
    </row>
    <row r="38" spans="1:11" ht="15" customHeight="1">
      <c r="A38" s="20" t="s">
        <v>71</v>
      </c>
      <c r="B38" s="20"/>
      <c r="C38" s="16">
        <v>139</v>
      </c>
      <c r="D38" s="22">
        <v>70</v>
      </c>
      <c r="E38" s="22">
        <v>69</v>
      </c>
      <c r="F38" s="22"/>
      <c r="G38" s="21" t="s">
        <v>72</v>
      </c>
      <c r="H38" s="20"/>
      <c r="I38" s="16">
        <v>337</v>
      </c>
      <c r="J38" s="22">
        <v>142</v>
      </c>
      <c r="K38" s="22">
        <v>195</v>
      </c>
    </row>
    <row r="39" spans="1:11" ht="15" customHeight="1">
      <c r="A39" s="20" t="s">
        <v>73</v>
      </c>
      <c r="B39" s="20"/>
      <c r="C39" s="16">
        <v>145</v>
      </c>
      <c r="D39" s="22">
        <v>93</v>
      </c>
      <c r="E39" s="22">
        <v>52</v>
      </c>
      <c r="F39" s="22"/>
      <c r="G39" s="21" t="s">
        <v>74</v>
      </c>
      <c r="H39" s="20"/>
      <c r="I39" s="16">
        <v>460</v>
      </c>
      <c r="J39" s="22">
        <v>200</v>
      </c>
      <c r="K39" s="22">
        <v>260</v>
      </c>
    </row>
    <row r="40" spans="1:11" ht="15" customHeight="1">
      <c r="A40" s="20" t="s">
        <v>75</v>
      </c>
      <c r="B40" s="20"/>
      <c r="C40" s="16">
        <v>115</v>
      </c>
      <c r="D40" s="22">
        <v>55</v>
      </c>
      <c r="E40" s="22">
        <v>60</v>
      </c>
      <c r="F40" s="22"/>
      <c r="G40" s="21" t="s">
        <v>76</v>
      </c>
      <c r="H40" s="20"/>
      <c r="I40" s="16">
        <v>451</v>
      </c>
      <c r="J40" s="22">
        <v>191</v>
      </c>
      <c r="K40" s="22">
        <v>260</v>
      </c>
    </row>
    <row r="41" spans="1:11" ht="20.100000000000001" customHeight="1">
      <c r="A41" s="20" t="s">
        <v>77</v>
      </c>
      <c r="B41" s="20"/>
      <c r="C41" s="16">
        <v>664</v>
      </c>
      <c r="D41" s="17">
        <v>336</v>
      </c>
      <c r="E41" s="17">
        <v>328</v>
      </c>
      <c r="F41" s="17"/>
      <c r="G41" s="21" t="s">
        <v>78</v>
      </c>
      <c r="H41" s="20"/>
      <c r="I41" s="16">
        <v>1734</v>
      </c>
      <c r="J41" s="17">
        <v>691</v>
      </c>
      <c r="K41" s="17">
        <v>1043</v>
      </c>
    </row>
    <row r="42" spans="1:11" ht="15" customHeight="1">
      <c r="A42" s="20" t="s">
        <v>79</v>
      </c>
      <c r="B42" s="20"/>
      <c r="C42" s="16">
        <v>124</v>
      </c>
      <c r="D42" s="22">
        <v>56</v>
      </c>
      <c r="E42" s="22">
        <v>68</v>
      </c>
      <c r="F42" s="22"/>
      <c r="G42" s="21" t="s">
        <v>80</v>
      </c>
      <c r="H42" s="20"/>
      <c r="I42" s="16">
        <v>403</v>
      </c>
      <c r="J42" s="22">
        <v>171</v>
      </c>
      <c r="K42" s="22">
        <v>232</v>
      </c>
    </row>
    <row r="43" spans="1:11" ht="15" customHeight="1">
      <c r="A43" s="20" t="s">
        <v>81</v>
      </c>
      <c r="B43" s="20"/>
      <c r="C43" s="16">
        <v>140</v>
      </c>
      <c r="D43" s="22">
        <v>69</v>
      </c>
      <c r="E43" s="22">
        <v>71</v>
      </c>
      <c r="F43" s="22"/>
      <c r="G43" s="21" t="s">
        <v>82</v>
      </c>
      <c r="H43" s="20"/>
      <c r="I43" s="16">
        <v>414</v>
      </c>
      <c r="J43" s="22">
        <v>160</v>
      </c>
      <c r="K43" s="22">
        <v>254</v>
      </c>
    </row>
    <row r="44" spans="1:11" ht="15" customHeight="1">
      <c r="A44" s="20" t="s">
        <v>83</v>
      </c>
      <c r="B44" s="20"/>
      <c r="C44" s="16">
        <v>136</v>
      </c>
      <c r="D44" s="22">
        <v>76</v>
      </c>
      <c r="E44" s="22">
        <v>60</v>
      </c>
      <c r="F44" s="22"/>
      <c r="G44" s="21" t="s">
        <v>84</v>
      </c>
      <c r="H44" s="20"/>
      <c r="I44" s="16">
        <v>333</v>
      </c>
      <c r="J44" s="22">
        <v>135</v>
      </c>
      <c r="K44" s="22">
        <v>198</v>
      </c>
    </row>
    <row r="45" spans="1:11" ht="15" customHeight="1">
      <c r="A45" s="20" t="s">
        <v>85</v>
      </c>
      <c r="B45" s="20"/>
      <c r="C45" s="16">
        <v>138</v>
      </c>
      <c r="D45" s="22">
        <v>75</v>
      </c>
      <c r="E45" s="22">
        <v>63</v>
      </c>
      <c r="F45" s="22"/>
      <c r="G45" s="21" t="s">
        <v>86</v>
      </c>
      <c r="H45" s="20"/>
      <c r="I45" s="16">
        <v>285</v>
      </c>
      <c r="J45" s="22">
        <v>110</v>
      </c>
      <c r="K45" s="22">
        <v>175</v>
      </c>
    </row>
    <row r="46" spans="1:11" ht="15" customHeight="1">
      <c r="A46" s="20" t="s">
        <v>87</v>
      </c>
      <c r="B46" s="20"/>
      <c r="C46" s="16">
        <v>126</v>
      </c>
      <c r="D46" s="22">
        <v>60</v>
      </c>
      <c r="E46" s="22">
        <v>66</v>
      </c>
      <c r="F46" s="22"/>
      <c r="G46" s="21" t="s">
        <v>88</v>
      </c>
      <c r="H46" s="20"/>
      <c r="I46" s="16">
        <v>299</v>
      </c>
      <c r="J46" s="22">
        <v>115</v>
      </c>
      <c r="K46" s="22">
        <v>184</v>
      </c>
    </row>
    <row r="47" spans="1:11" ht="20.100000000000001" customHeight="1">
      <c r="A47" s="20" t="s">
        <v>89</v>
      </c>
      <c r="B47" s="20"/>
      <c r="C47" s="16">
        <v>737</v>
      </c>
      <c r="D47" s="17">
        <v>351</v>
      </c>
      <c r="E47" s="17">
        <v>386</v>
      </c>
      <c r="F47" s="17"/>
      <c r="G47" s="21" t="s">
        <v>90</v>
      </c>
      <c r="H47" s="20"/>
      <c r="I47" s="16">
        <v>1123</v>
      </c>
      <c r="J47" s="17">
        <v>392</v>
      </c>
      <c r="K47" s="17">
        <v>731</v>
      </c>
    </row>
    <row r="48" spans="1:11" ht="15" customHeight="1">
      <c r="A48" s="20" t="s">
        <v>91</v>
      </c>
      <c r="B48" s="20"/>
      <c r="C48" s="16">
        <v>129</v>
      </c>
      <c r="D48" s="22">
        <v>67</v>
      </c>
      <c r="E48" s="22">
        <v>62</v>
      </c>
      <c r="F48" s="22"/>
      <c r="G48" s="21" t="s">
        <v>92</v>
      </c>
      <c r="H48" s="20"/>
      <c r="I48" s="16">
        <v>288</v>
      </c>
      <c r="J48" s="22">
        <v>116</v>
      </c>
      <c r="K48" s="22">
        <v>172</v>
      </c>
    </row>
    <row r="49" spans="1:11" ht="15" customHeight="1">
      <c r="A49" s="20" t="s">
        <v>93</v>
      </c>
      <c r="B49" s="20"/>
      <c r="C49" s="16">
        <v>154</v>
      </c>
      <c r="D49" s="22">
        <v>84</v>
      </c>
      <c r="E49" s="22">
        <v>70</v>
      </c>
      <c r="F49" s="22"/>
      <c r="G49" s="21" t="s">
        <v>94</v>
      </c>
      <c r="H49" s="20"/>
      <c r="I49" s="16">
        <v>251</v>
      </c>
      <c r="J49" s="22">
        <v>95</v>
      </c>
      <c r="K49" s="22">
        <v>156</v>
      </c>
    </row>
    <row r="50" spans="1:11" ht="15" customHeight="1">
      <c r="A50" s="20" t="s">
        <v>95</v>
      </c>
      <c r="B50" s="20"/>
      <c r="C50" s="16">
        <v>130</v>
      </c>
      <c r="D50" s="22">
        <v>56</v>
      </c>
      <c r="E50" s="22">
        <v>74</v>
      </c>
      <c r="F50" s="22"/>
      <c r="G50" s="21" t="s">
        <v>96</v>
      </c>
      <c r="H50" s="20"/>
      <c r="I50" s="16">
        <v>234</v>
      </c>
      <c r="J50" s="22">
        <v>83</v>
      </c>
      <c r="K50" s="22">
        <v>151</v>
      </c>
    </row>
    <row r="51" spans="1:11" ht="15" customHeight="1">
      <c r="A51" s="20" t="s">
        <v>97</v>
      </c>
      <c r="B51" s="20"/>
      <c r="C51" s="16">
        <v>140</v>
      </c>
      <c r="D51" s="22">
        <v>65</v>
      </c>
      <c r="E51" s="22">
        <v>75</v>
      </c>
      <c r="F51" s="22"/>
      <c r="G51" s="21" t="s">
        <v>98</v>
      </c>
      <c r="H51" s="20"/>
      <c r="I51" s="16">
        <v>196</v>
      </c>
      <c r="J51" s="22">
        <v>58</v>
      </c>
      <c r="K51" s="22">
        <v>138</v>
      </c>
    </row>
    <row r="52" spans="1:11" ht="15" customHeight="1">
      <c r="A52" s="20" t="s">
        <v>99</v>
      </c>
      <c r="B52" s="20"/>
      <c r="C52" s="16">
        <v>184</v>
      </c>
      <c r="D52" s="22">
        <v>79</v>
      </c>
      <c r="E52" s="22">
        <v>105</v>
      </c>
      <c r="F52" s="22"/>
      <c r="G52" s="21" t="s">
        <v>100</v>
      </c>
      <c r="H52" s="20"/>
      <c r="I52" s="16">
        <v>154</v>
      </c>
      <c r="J52" s="22">
        <v>40</v>
      </c>
      <c r="K52" s="22">
        <v>114</v>
      </c>
    </row>
    <row r="53" spans="1:11" ht="20.100000000000001" customHeight="1">
      <c r="A53" s="20" t="s">
        <v>101</v>
      </c>
      <c r="B53" s="20"/>
      <c r="C53" s="16">
        <v>967</v>
      </c>
      <c r="D53" s="17">
        <v>477</v>
      </c>
      <c r="E53" s="17">
        <v>490</v>
      </c>
      <c r="F53" s="17"/>
      <c r="G53" s="21" t="s">
        <v>102</v>
      </c>
      <c r="H53" s="20"/>
      <c r="I53" s="16">
        <v>558</v>
      </c>
      <c r="J53" s="17">
        <v>135</v>
      </c>
      <c r="K53" s="17">
        <v>423</v>
      </c>
    </row>
    <row r="54" spans="1:11" ht="15" customHeight="1">
      <c r="A54" s="20" t="s">
        <v>103</v>
      </c>
      <c r="B54" s="20"/>
      <c r="C54" s="16">
        <v>167</v>
      </c>
      <c r="D54" s="22">
        <v>92</v>
      </c>
      <c r="E54" s="22">
        <v>75</v>
      </c>
      <c r="F54" s="22"/>
      <c r="G54" s="21" t="s">
        <v>104</v>
      </c>
      <c r="H54" s="20"/>
      <c r="I54" s="16">
        <v>150</v>
      </c>
      <c r="J54" s="22">
        <v>43</v>
      </c>
      <c r="K54" s="22">
        <v>107</v>
      </c>
    </row>
    <row r="55" spans="1:11" ht="15" customHeight="1">
      <c r="A55" s="20" t="s">
        <v>105</v>
      </c>
      <c r="B55" s="20"/>
      <c r="C55" s="16">
        <v>148</v>
      </c>
      <c r="D55" s="22">
        <v>70</v>
      </c>
      <c r="E55" s="22">
        <v>78</v>
      </c>
      <c r="F55" s="22"/>
      <c r="G55" s="21" t="s">
        <v>106</v>
      </c>
      <c r="H55" s="20"/>
      <c r="I55" s="16">
        <v>129</v>
      </c>
      <c r="J55" s="22">
        <v>33</v>
      </c>
      <c r="K55" s="22">
        <v>96</v>
      </c>
    </row>
    <row r="56" spans="1:11" ht="15" customHeight="1">
      <c r="A56" s="20" t="s">
        <v>107</v>
      </c>
      <c r="B56" s="20"/>
      <c r="C56" s="16">
        <v>198</v>
      </c>
      <c r="D56" s="22">
        <v>101</v>
      </c>
      <c r="E56" s="22">
        <v>97</v>
      </c>
      <c r="F56" s="22"/>
      <c r="G56" s="21" t="s">
        <v>108</v>
      </c>
      <c r="H56" s="20"/>
      <c r="I56" s="16">
        <v>112</v>
      </c>
      <c r="J56" s="22">
        <v>30</v>
      </c>
      <c r="K56" s="22">
        <v>82</v>
      </c>
    </row>
    <row r="57" spans="1:11" ht="15" customHeight="1">
      <c r="A57" s="20" t="s">
        <v>109</v>
      </c>
      <c r="B57" s="20"/>
      <c r="C57" s="16">
        <v>224</v>
      </c>
      <c r="D57" s="22">
        <v>109</v>
      </c>
      <c r="E57" s="22">
        <v>115</v>
      </c>
      <c r="F57" s="22"/>
      <c r="G57" s="21" t="s">
        <v>110</v>
      </c>
      <c r="H57" s="20"/>
      <c r="I57" s="16">
        <v>97</v>
      </c>
      <c r="J57" s="22">
        <v>20</v>
      </c>
      <c r="K57" s="22">
        <v>77</v>
      </c>
    </row>
    <row r="58" spans="1:11" ht="15" customHeight="1">
      <c r="A58" s="20" t="s">
        <v>111</v>
      </c>
      <c r="B58" s="20"/>
      <c r="C58" s="16">
        <v>230</v>
      </c>
      <c r="D58" s="22">
        <v>105</v>
      </c>
      <c r="E58" s="22">
        <v>125</v>
      </c>
      <c r="F58" s="22"/>
      <c r="G58" s="21" t="s">
        <v>112</v>
      </c>
      <c r="H58" s="20"/>
      <c r="I58" s="16">
        <v>70</v>
      </c>
      <c r="J58" s="22">
        <v>9</v>
      </c>
      <c r="K58" s="22">
        <v>61</v>
      </c>
    </row>
    <row r="59" spans="1:11" ht="20.100000000000001" customHeight="1">
      <c r="A59" s="20" t="s">
        <v>113</v>
      </c>
      <c r="B59" s="20"/>
      <c r="C59" s="16">
        <v>1414</v>
      </c>
      <c r="D59" s="17">
        <v>732</v>
      </c>
      <c r="E59" s="17">
        <v>682</v>
      </c>
      <c r="F59" s="17"/>
      <c r="G59" s="21" t="s">
        <v>114</v>
      </c>
      <c r="H59" s="20"/>
      <c r="I59" s="16">
        <v>183</v>
      </c>
      <c r="J59" s="17">
        <v>39</v>
      </c>
      <c r="K59" s="17">
        <v>144</v>
      </c>
    </row>
    <row r="60" spans="1:11" ht="15" customHeight="1">
      <c r="A60" s="20" t="s">
        <v>115</v>
      </c>
      <c r="B60" s="20"/>
      <c r="C60" s="16">
        <v>220</v>
      </c>
      <c r="D60" s="22">
        <v>111</v>
      </c>
      <c r="E60" s="22">
        <v>109</v>
      </c>
      <c r="F60" s="22"/>
      <c r="G60" s="21" t="s">
        <v>116</v>
      </c>
      <c r="H60" s="20"/>
      <c r="I60" s="16">
        <v>59</v>
      </c>
      <c r="J60" s="22">
        <v>22</v>
      </c>
      <c r="K60" s="22">
        <v>37</v>
      </c>
    </row>
    <row r="61" spans="1:11" ht="15" customHeight="1">
      <c r="A61" s="20" t="s">
        <v>117</v>
      </c>
      <c r="B61" s="20"/>
      <c r="C61" s="16">
        <v>256</v>
      </c>
      <c r="D61" s="22">
        <v>130</v>
      </c>
      <c r="E61" s="22">
        <v>126</v>
      </c>
      <c r="F61" s="22"/>
      <c r="G61" s="21" t="s">
        <v>118</v>
      </c>
      <c r="H61" s="20"/>
      <c r="I61" s="16">
        <v>53</v>
      </c>
      <c r="J61" s="22">
        <v>8</v>
      </c>
      <c r="K61" s="22">
        <v>45</v>
      </c>
    </row>
    <row r="62" spans="1:11" ht="15" customHeight="1">
      <c r="A62" s="20" t="s">
        <v>119</v>
      </c>
      <c r="B62" s="20"/>
      <c r="C62" s="16">
        <v>277</v>
      </c>
      <c r="D62" s="22">
        <v>144</v>
      </c>
      <c r="E62" s="22">
        <v>133</v>
      </c>
      <c r="F62" s="22"/>
      <c r="G62" s="21" t="s">
        <v>120</v>
      </c>
      <c r="H62" s="20"/>
      <c r="I62" s="16">
        <v>35</v>
      </c>
      <c r="J62" s="22">
        <v>6</v>
      </c>
      <c r="K62" s="22">
        <v>29</v>
      </c>
    </row>
    <row r="63" spans="1:11" ht="15" customHeight="1">
      <c r="A63" s="20" t="s">
        <v>121</v>
      </c>
      <c r="B63" s="20"/>
      <c r="C63" s="16">
        <v>336</v>
      </c>
      <c r="D63" s="22">
        <v>180</v>
      </c>
      <c r="E63" s="22">
        <v>156</v>
      </c>
      <c r="F63" s="22"/>
      <c r="G63" s="21" t="s">
        <v>122</v>
      </c>
      <c r="H63" s="20"/>
      <c r="I63" s="16">
        <v>21</v>
      </c>
      <c r="J63" s="22">
        <v>2</v>
      </c>
      <c r="K63" s="22">
        <v>19</v>
      </c>
    </row>
    <row r="64" spans="1:11" ht="15" customHeight="1">
      <c r="A64" s="20" t="s">
        <v>123</v>
      </c>
      <c r="B64" s="20"/>
      <c r="C64" s="16">
        <v>325</v>
      </c>
      <c r="D64" s="22">
        <v>167</v>
      </c>
      <c r="E64" s="22">
        <v>158</v>
      </c>
      <c r="F64" s="22"/>
      <c r="G64" s="21" t="s">
        <v>124</v>
      </c>
      <c r="H64" s="20"/>
      <c r="I64" s="16">
        <v>15</v>
      </c>
      <c r="J64" s="22">
        <v>1</v>
      </c>
      <c r="K64" s="22">
        <v>1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40</v>
      </c>
      <c r="J65" s="22">
        <v>1</v>
      </c>
      <c r="K65" s="22">
        <v>39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239</v>
      </c>
      <c r="J66" s="32">
        <v>100</v>
      </c>
      <c r="K66" s="32">
        <v>139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65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97430</v>
      </c>
      <c r="D4" s="17">
        <v>98398</v>
      </c>
      <c r="E4" s="17">
        <v>99032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5321</v>
      </c>
      <c r="D5" s="17">
        <v>2711</v>
      </c>
      <c r="E5" s="17">
        <v>2610</v>
      </c>
      <c r="F5" s="17"/>
      <c r="G5" s="21" t="s">
        <v>6</v>
      </c>
      <c r="H5" s="20"/>
      <c r="I5" s="16">
        <v>16109</v>
      </c>
      <c r="J5" s="17">
        <v>8319</v>
      </c>
      <c r="K5" s="17">
        <v>7790</v>
      </c>
    </row>
    <row r="6" spans="1:11" ht="15" customHeight="1">
      <c r="A6" s="20" t="s">
        <v>7</v>
      </c>
      <c r="B6" s="20"/>
      <c r="C6" s="16">
        <v>1044</v>
      </c>
      <c r="D6" s="22">
        <v>543</v>
      </c>
      <c r="E6" s="22">
        <v>501</v>
      </c>
      <c r="F6" s="22"/>
      <c r="G6" s="21" t="s">
        <v>8</v>
      </c>
      <c r="H6" s="20"/>
      <c r="I6" s="16">
        <v>3324</v>
      </c>
      <c r="J6" s="22">
        <v>1708</v>
      </c>
      <c r="K6" s="22">
        <v>1616</v>
      </c>
    </row>
    <row r="7" spans="1:11" ht="15" customHeight="1">
      <c r="A7" s="20" t="s">
        <v>9</v>
      </c>
      <c r="B7" s="20"/>
      <c r="C7" s="16">
        <v>1031</v>
      </c>
      <c r="D7" s="22">
        <v>578</v>
      </c>
      <c r="E7" s="22">
        <v>453</v>
      </c>
      <c r="F7" s="22"/>
      <c r="G7" s="21" t="s">
        <v>10</v>
      </c>
      <c r="H7" s="20"/>
      <c r="I7" s="16">
        <v>3243</v>
      </c>
      <c r="J7" s="22">
        <v>1661</v>
      </c>
      <c r="K7" s="22">
        <v>1582</v>
      </c>
    </row>
    <row r="8" spans="1:11" ht="15" customHeight="1">
      <c r="A8" s="20" t="s">
        <v>11</v>
      </c>
      <c r="B8" s="20"/>
      <c r="C8" s="16">
        <v>1053</v>
      </c>
      <c r="D8" s="22">
        <v>504</v>
      </c>
      <c r="E8" s="22">
        <v>549</v>
      </c>
      <c r="F8" s="22"/>
      <c r="G8" s="21" t="s">
        <v>12</v>
      </c>
      <c r="H8" s="20"/>
      <c r="I8" s="16">
        <v>3225</v>
      </c>
      <c r="J8" s="22">
        <v>1676</v>
      </c>
      <c r="K8" s="22">
        <v>1549</v>
      </c>
    </row>
    <row r="9" spans="1:11" ht="15" customHeight="1">
      <c r="A9" s="20" t="s">
        <v>13</v>
      </c>
      <c r="B9" s="20"/>
      <c r="C9" s="16">
        <v>1117</v>
      </c>
      <c r="D9" s="22">
        <v>554</v>
      </c>
      <c r="E9" s="22">
        <v>563</v>
      </c>
      <c r="F9" s="22"/>
      <c r="G9" s="21" t="s">
        <v>14</v>
      </c>
      <c r="H9" s="20"/>
      <c r="I9" s="16">
        <v>3229</v>
      </c>
      <c r="J9" s="22">
        <v>1693</v>
      </c>
      <c r="K9" s="22">
        <v>1536</v>
      </c>
    </row>
    <row r="10" spans="1:11" ht="15" customHeight="1">
      <c r="A10" s="20" t="s">
        <v>15</v>
      </c>
      <c r="B10" s="20"/>
      <c r="C10" s="16">
        <v>1076</v>
      </c>
      <c r="D10" s="22">
        <v>532</v>
      </c>
      <c r="E10" s="22">
        <v>544</v>
      </c>
      <c r="F10" s="22"/>
      <c r="G10" s="21" t="s">
        <v>16</v>
      </c>
      <c r="H10" s="20"/>
      <c r="I10" s="16">
        <v>3088</v>
      </c>
      <c r="J10" s="22">
        <v>1581</v>
      </c>
      <c r="K10" s="22">
        <v>1507</v>
      </c>
    </row>
    <row r="11" spans="1:11" ht="20.100000000000001" customHeight="1">
      <c r="A11" s="20" t="s">
        <v>17</v>
      </c>
      <c r="B11" s="20"/>
      <c r="C11" s="16">
        <v>6283</v>
      </c>
      <c r="D11" s="17">
        <v>3236</v>
      </c>
      <c r="E11" s="17">
        <v>3047</v>
      </c>
      <c r="F11" s="17"/>
      <c r="G11" s="21" t="s">
        <v>18</v>
      </c>
      <c r="H11" s="20"/>
      <c r="I11" s="16">
        <v>13851</v>
      </c>
      <c r="J11" s="17">
        <v>7259</v>
      </c>
      <c r="K11" s="17">
        <v>6592</v>
      </c>
    </row>
    <row r="12" spans="1:11" ht="15" customHeight="1">
      <c r="A12" s="20" t="s">
        <v>19</v>
      </c>
      <c r="B12" s="20"/>
      <c r="C12" s="16">
        <v>1202</v>
      </c>
      <c r="D12" s="22">
        <v>587</v>
      </c>
      <c r="E12" s="22">
        <v>615</v>
      </c>
      <c r="F12" s="22"/>
      <c r="G12" s="21" t="s">
        <v>20</v>
      </c>
      <c r="H12" s="20"/>
      <c r="I12" s="16">
        <v>3232</v>
      </c>
      <c r="J12" s="22">
        <v>1675</v>
      </c>
      <c r="K12" s="22">
        <v>1557</v>
      </c>
    </row>
    <row r="13" spans="1:11" ht="15" customHeight="1">
      <c r="A13" s="20" t="s">
        <v>21</v>
      </c>
      <c r="B13" s="20"/>
      <c r="C13" s="16">
        <v>1206</v>
      </c>
      <c r="D13" s="22">
        <v>613</v>
      </c>
      <c r="E13" s="22">
        <v>593</v>
      </c>
      <c r="F13" s="22"/>
      <c r="G13" s="21" t="s">
        <v>22</v>
      </c>
      <c r="H13" s="20"/>
      <c r="I13" s="16">
        <v>2345</v>
      </c>
      <c r="J13" s="22">
        <v>1239</v>
      </c>
      <c r="K13" s="22">
        <v>1106</v>
      </c>
    </row>
    <row r="14" spans="1:11" ht="15" customHeight="1">
      <c r="A14" s="20" t="s">
        <v>23</v>
      </c>
      <c r="B14" s="20"/>
      <c r="C14" s="16">
        <v>1226</v>
      </c>
      <c r="D14" s="22">
        <v>658</v>
      </c>
      <c r="E14" s="22">
        <v>568</v>
      </c>
      <c r="F14" s="22"/>
      <c r="G14" s="21" t="s">
        <v>24</v>
      </c>
      <c r="H14" s="20"/>
      <c r="I14" s="16">
        <v>2935</v>
      </c>
      <c r="J14" s="22">
        <v>1565</v>
      </c>
      <c r="K14" s="22">
        <v>1370</v>
      </c>
    </row>
    <row r="15" spans="1:11" ht="15" customHeight="1">
      <c r="A15" s="20" t="s">
        <v>25</v>
      </c>
      <c r="B15" s="20"/>
      <c r="C15" s="16">
        <v>1263</v>
      </c>
      <c r="D15" s="22">
        <v>646</v>
      </c>
      <c r="E15" s="22">
        <v>617</v>
      </c>
      <c r="F15" s="22"/>
      <c r="G15" s="21" t="s">
        <v>26</v>
      </c>
      <c r="H15" s="20"/>
      <c r="I15" s="16">
        <v>2701</v>
      </c>
      <c r="J15" s="22">
        <v>1388</v>
      </c>
      <c r="K15" s="22">
        <v>1313</v>
      </c>
    </row>
    <row r="16" spans="1:11" ht="15" customHeight="1">
      <c r="A16" s="20" t="s">
        <v>27</v>
      </c>
      <c r="B16" s="20"/>
      <c r="C16" s="16">
        <v>1386</v>
      </c>
      <c r="D16" s="22">
        <v>732</v>
      </c>
      <c r="E16" s="22">
        <v>654</v>
      </c>
      <c r="F16" s="22"/>
      <c r="G16" s="21" t="s">
        <v>28</v>
      </c>
      <c r="H16" s="20"/>
      <c r="I16" s="16">
        <v>2638</v>
      </c>
      <c r="J16" s="22">
        <v>1392</v>
      </c>
      <c r="K16" s="22">
        <v>1246</v>
      </c>
    </row>
    <row r="17" spans="1:11" ht="20.100000000000001" customHeight="1">
      <c r="A17" s="24" t="s">
        <v>29</v>
      </c>
      <c r="B17" s="24"/>
      <c r="C17" s="16">
        <v>6661</v>
      </c>
      <c r="D17" s="17">
        <v>3464</v>
      </c>
      <c r="E17" s="17">
        <v>3197</v>
      </c>
      <c r="F17" s="17"/>
      <c r="G17" s="21" t="s">
        <v>30</v>
      </c>
      <c r="H17" s="20"/>
      <c r="I17" s="16">
        <v>11788</v>
      </c>
      <c r="J17" s="17">
        <v>6083</v>
      </c>
      <c r="K17" s="17">
        <v>5705</v>
      </c>
    </row>
    <row r="18" spans="1:11" ht="15" customHeight="1">
      <c r="A18" s="20" t="s">
        <v>31</v>
      </c>
      <c r="B18" s="20"/>
      <c r="C18" s="16">
        <v>1329</v>
      </c>
      <c r="D18" s="22">
        <v>693</v>
      </c>
      <c r="E18" s="22">
        <v>636</v>
      </c>
      <c r="F18" s="22"/>
      <c r="G18" s="21" t="s">
        <v>32</v>
      </c>
      <c r="H18" s="20"/>
      <c r="I18" s="16">
        <v>2542</v>
      </c>
      <c r="J18" s="22">
        <v>1297</v>
      </c>
      <c r="K18" s="22">
        <v>1245</v>
      </c>
    </row>
    <row r="19" spans="1:11" ht="15" customHeight="1">
      <c r="A19" s="20" t="s">
        <v>33</v>
      </c>
      <c r="B19" s="20"/>
      <c r="C19" s="16">
        <v>1284</v>
      </c>
      <c r="D19" s="22">
        <v>680</v>
      </c>
      <c r="E19" s="22">
        <v>604</v>
      </c>
      <c r="F19" s="22"/>
      <c r="G19" s="21" t="s">
        <v>34</v>
      </c>
      <c r="H19" s="20"/>
      <c r="I19" s="16">
        <v>2310</v>
      </c>
      <c r="J19" s="22">
        <v>1176</v>
      </c>
      <c r="K19" s="22">
        <v>1134</v>
      </c>
    </row>
    <row r="20" spans="1:11" ht="15" customHeight="1">
      <c r="A20" s="20" t="s">
        <v>35</v>
      </c>
      <c r="B20" s="20"/>
      <c r="C20" s="16">
        <v>1310</v>
      </c>
      <c r="D20" s="22">
        <v>670</v>
      </c>
      <c r="E20" s="22">
        <v>640</v>
      </c>
      <c r="F20" s="22"/>
      <c r="G20" s="21" t="s">
        <v>36</v>
      </c>
      <c r="H20" s="20"/>
      <c r="I20" s="16">
        <v>2367</v>
      </c>
      <c r="J20" s="22">
        <v>1234</v>
      </c>
      <c r="K20" s="22">
        <v>1133</v>
      </c>
    </row>
    <row r="21" spans="1:11" ht="15" customHeight="1">
      <c r="A21" s="20" t="s">
        <v>37</v>
      </c>
      <c r="B21" s="20"/>
      <c r="C21" s="16">
        <v>1349</v>
      </c>
      <c r="D21" s="22">
        <v>706</v>
      </c>
      <c r="E21" s="22">
        <v>643</v>
      </c>
      <c r="F21" s="22"/>
      <c r="G21" s="21" t="s">
        <v>38</v>
      </c>
      <c r="H21" s="20"/>
      <c r="I21" s="16">
        <v>2244</v>
      </c>
      <c r="J21" s="22">
        <v>1174</v>
      </c>
      <c r="K21" s="22">
        <v>1070</v>
      </c>
    </row>
    <row r="22" spans="1:11" ht="15" customHeight="1">
      <c r="A22" s="20" t="s">
        <v>39</v>
      </c>
      <c r="B22" s="20"/>
      <c r="C22" s="16">
        <v>1389</v>
      </c>
      <c r="D22" s="22">
        <v>715</v>
      </c>
      <c r="E22" s="22">
        <v>674</v>
      </c>
      <c r="F22" s="22"/>
      <c r="G22" s="21" t="s">
        <v>40</v>
      </c>
      <c r="H22" s="20"/>
      <c r="I22" s="16">
        <v>2325</v>
      </c>
      <c r="J22" s="22">
        <v>1202</v>
      </c>
      <c r="K22" s="22">
        <v>1123</v>
      </c>
    </row>
    <row r="23" spans="1:11" ht="20.100000000000001" customHeight="1">
      <c r="A23" s="20" t="s">
        <v>41</v>
      </c>
      <c r="B23" s="20"/>
      <c r="C23" s="16">
        <v>6973</v>
      </c>
      <c r="D23" s="17">
        <v>3529</v>
      </c>
      <c r="E23" s="17">
        <v>3444</v>
      </c>
      <c r="F23" s="17"/>
      <c r="G23" s="21" t="s">
        <v>42</v>
      </c>
      <c r="H23" s="20"/>
      <c r="I23" s="16">
        <v>10724</v>
      </c>
      <c r="J23" s="17">
        <v>5464</v>
      </c>
      <c r="K23" s="17">
        <v>5260</v>
      </c>
    </row>
    <row r="24" spans="1:11" ht="15" customHeight="1">
      <c r="A24" s="20" t="s">
        <v>43</v>
      </c>
      <c r="B24" s="20"/>
      <c r="C24" s="16">
        <v>1381</v>
      </c>
      <c r="D24" s="22">
        <v>717</v>
      </c>
      <c r="E24" s="22">
        <v>664</v>
      </c>
      <c r="F24" s="22"/>
      <c r="G24" s="21" t="s">
        <v>44</v>
      </c>
      <c r="H24" s="20"/>
      <c r="I24" s="16">
        <v>2118</v>
      </c>
      <c r="J24" s="22">
        <v>1081</v>
      </c>
      <c r="K24" s="22">
        <v>1037</v>
      </c>
    </row>
    <row r="25" spans="1:11" ht="15" customHeight="1">
      <c r="A25" s="20" t="s">
        <v>45</v>
      </c>
      <c r="B25" s="20"/>
      <c r="C25" s="16">
        <v>1294</v>
      </c>
      <c r="D25" s="22">
        <v>640</v>
      </c>
      <c r="E25" s="22">
        <v>654</v>
      </c>
      <c r="F25" s="22"/>
      <c r="G25" s="21" t="s">
        <v>46</v>
      </c>
      <c r="H25" s="20"/>
      <c r="I25" s="16">
        <v>2099</v>
      </c>
      <c r="J25" s="22">
        <v>1058</v>
      </c>
      <c r="K25" s="22">
        <v>1041</v>
      </c>
    </row>
    <row r="26" spans="1:11" ht="15" customHeight="1">
      <c r="A26" s="20" t="s">
        <v>47</v>
      </c>
      <c r="B26" s="20"/>
      <c r="C26" s="16">
        <v>1326</v>
      </c>
      <c r="D26" s="22">
        <v>703</v>
      </c>
      <c r="E26" s="22">
        <v>623</v>
      </c>
      <c r="F26" s="22"/>
      <c r="G26" s="21" t="s">
        <v>48</v>
      </c>
      <c r="H26" s="20"/>
      <c r="I26" s="16">
        <v>2189</v>
      </c>
      <c r="J26" s="22">
        <v>1110</v>
      </c>
      <c r="K26" s="22">
        <v>1079</v>
      </c>
    </row>
    <row r="27" spans="1:11" ht="15" customHeight="1">
      <c r="A27" s="20" t="s">
        <v>49</v>
      </c>
      <c r="B27" s="20"/>
      <c r="C27" s="16">
        <v>1417</v>
      </c>
      <c r="D27" s="22">
        <v>715</v>
      </c>
      <c r="E27" s="22">
        <v>702</v>
      </c>
      <c r="F27" s="22"/>
      <c r="G27" s="21" t="s">
        <v>50</v>
      </c>
      <c r="H27" s="20"/>
      <c r="I27" s="16">
        <v>2114</v>
      </c>
      <c r="J27" s="22">
        <v>1118</v>
      </c>
      <c r="K27" s="22">
        <v>996</v>
      </c>
    </row>
    <row r="28" spans="1:11" ht="15" customHeight="1">
      <c r="A28" s="20" t="s">
        <v>51</v>
      </c>
      <c r="B28" s="20"/>
      <c r="C28" s="16">
        <v>1555</v>
      </c>
      <c r="D28" s="22">
        <v>754</v>
      </c>
      <c r="E28" s="22">
        <v>801</v>
      </c>
      <c r="F28" s="22"/>
      <c r="G28" s="21" t="s">
        <v>52</v>
      </c>
      <c r="H28" s="20"/>
      <c r="I28" s="16">
        <v>2204</v>
      </c>
      <c r="J28" s="22">
        <v>1097</v>
      </c>
      <c r="K28" s="22">
        <v>1107</v>
      </c>
    </row>
    <row r="29" spans="1:11" ht="20.100000000000001" customHeight="1">
      <c r="A29" s="20" t="s">
        <v>53</v>
      </c>
      <c r="B29" s="20"/>
      <c r="C29" s="16">
        <v>10835</v>
      </c>
      <c r="D29" s="17">
        <v>5392</v>
      </c>
      <c r="E29" s="17">
        <v>5443</v>
      </c>
      <c r="F29" s="17"/>
      <c r="G29" s="21" t="s">
        <v>54</v>
      </c>
      <c r="H29" s="20"/>
      <c r="I29" s="16">
        <v>13285</v>
      </c>
      <c r="J29" s="17">
        <v>6671</v>
      </c>
      <c r="K29" s="17">
        <v>6614</v>
      </c>
    </row>
    <row r="30" spans="1:11" ht="15" customHeight="1">
      <c r="A30" s="20" t="s">
        <v>55</v>
      </c>
      <c r="B30" s="20"/>
      <c r="C30" s="16">
        <v>1666</v>
      </c>
      <c r="D30" s="22">
        <v>853</v>
      </c>
      <c r="E30" s="22">
        <v>813</v>
      </c>
      <c r="F30" s="22"/>
      <c r="G30" s="21" t="s">
        <v>56</v>
      </c>
      <c r="H30" s="20"/>
      <c r="I30" s="16">
        <v>2309</v>
      </c>
      <c r="J30" s="22">
        <v>1184</v>
      </c>
      <c r="K30" s="22">
        <v>1125</v>
      </c>
    </row>
    <row r="31" spans="1:11" ht="15" customHeight="1">
      <c r="A31" s="20" t="s">
        <v>57</v>
      </c>
      <c r="B31" s="20"/>
      <c r="C31" s="16">
        <v>1831</v>
      </c>
      <c r="D31" s="22">
        <v>927</v>
      </c>
      <c r="E31" s="22">
        <v>904</v>
      </c>
      <c r="F31" s="22"/>
      <c r="G31" s="21" t="s">
        <v>58</v>
      </c>
      <c r="H31" s="20"/>
      <c r="I31" s="16">
        <v>2460</v>
      </c>
      <c r="J31" s="22">
        <v>1269</v>
      </c>
      <c r="K31" s="22">
        <v>1191</v>
      </c>
    </row>
    <row r="32" spans="1:11" ht="15" customHeight="1">
      <c r="A32" s="20" t="s">
        <v>59</v>
      </c>
      <c r="B32" s="20"/>
      <c r="C32" s="16">
        <v>2132</v>
      </c>
      <c r="D32" s="22">
        <v>1063</v>
      </c>
      <c r="E32" s="22">
        <v>1069</v>
      </c>
      <c r="F32" s="22"/>
      <c r="G32" s="21" t="s">
        <v>60</v>
      </c>
      <c r="H32" s="20"/>
      <c r="I32" s="16">
        <v>2641</v>
      </c>
      <c r="J32" s="22">
        <v>1336</v>
      </c>
      <c r="K32" s="22">
        <v>1305</v>
      </c>
    </row>
    <row r="33" spans="1:11" ht="15" customHeight="1">
      <c r="A33" s="20" t="s">
        <v>61</v>
      </c>
      <c r="B33" s="20"/>
      <c r="C33" s="16">
        <v>2511</v>
      </c>
      <c r="D33" s="22">
        <v>1222</v>
      </c>
      <c r="E33" s="22">
        <v>1289</v>
      </c>
      <c r="F33" s="22"/>
      <c r="G33" s="21" t="s">
        <v>62</v>
      </c>
      <c r="H33" s="20"/>
      <c r="I33" s="16">
        <v>2986</v>
      </c>
      <c r="J33" s="22">
        <v>1493</v>
      </c>
      <c r="K33" s="22">
        <v>1493</v>
      </c>
    </row>
    <row r="34" spans="1:11" ht="15" customHeight="1">
      <c r="A34" s="20" t="s">
        <v>63</v>
      </c>
      <c r="B34" s="20"/>
      <c r="C34" s="16">
        <v>2695</v>
      </c>
      <c r="D34" s="22">
        <v>1327</v>
      </c>
      <c r="E34" s="22">
        <v>1368</v>
      </c>
      <c r="F34" s="22"/>
      <c r="G34" s="21" t="s">
        <v>64</v>
      </c>
      <c r="H34" s="20"/>
      <c r="I34" s="16">
        <v>2889</v>
      </c>
      <c r="J34" s="22">
        <v>1389</v>
      </c>
      <c r="K34" s="22">
        <v>1500</v>
      </c>
    </row>
    <row r="35" spans="1:11" ht="20.100000000000001" customHeight="1">
      <c r="A35" s="20" t="s">
        <v>65</v>
      </c>
      <c r="B35" s="20"/>
      <c r="C35" s="16">
        <v>12617</v>
      </c>
      <c r="D35" s="17">
        <v>6459</v>
      </c>
      <c r="E35" s="17">
        <v>6158</v>
      </c>
      <c r="F35" s="17"/>
      <c r="G35" s="21" t="s">
        <v>66</v>
      </c>
      <c r="H35" s="20"/>
      <c r="I35" s="16">
        <v>10381</v>
      </c>
      <c r="J35" s="17">
        <v>4755</v>
      </c>
      <c r="K35" s="17">
        <v>5626</v>
      </c>
    </row>
    <row r="36" spans="1:11" ht="15" customHeight="1">
      <c r="A36" s="20" t="s">
        <v>67</v>
      </c>
      <c r="B36" s="20"/>
      <c r="C36" s="16">
        <v>2801</v>
      </c>
      <c r="D36" s="22">
        <v>1418</v>
      </c>
      <c r="E36" s="22">
        <v>1383</v>
      </c>
      <c r="F36" s="22"/>
      <c r="G36" s="21" t="s">
        <v>68</v>
      </c>
      <c r="H36" s="20"/>
      <c r="I36" s="16">
        <v>2891</v>
      </c>
      <c r="J36" s="22">
        <v>1396</v>
      </c>
      <c r="K36" s="22">
        <v>1495</v>
      </c>
    </row>
    <row r="37" spans="1:11" ht="15" customHeight="1">
      <c r="A37" s="20" t="s">
        <v>69</v>
      </c>
      <c r="B37" s="20"/>
      <c r="C37" s="16">
        <v>2568</v>
      </c>
      <c r="D37" s="22">
        <v>1325</v>
      </c>
      <c r="E37" s="22">
        <v>1243</v>
      </c>
      <c r="F37" s="22"/>
      <c r="G37" s="21" t="s">
        <v>70</v>
      </c>
      <c r="H37" s="20"/>
      <c r="I37" s="16">
        <v>1813</v>
      </c>
      <c r="J37" s="22">
        <v>821</v>
      </c>
      <c r="K37" s="22">
        <v>992</v>
      </c>
    </row>
    <row r="38" spans="1:11" ht="15" customHeight="1">
      <c r="A38" s="20" t="s">
        <v>71</v>
      </c>
      <c r="B38" s="20"/>
      <c r="C38" s="16">
        <v>2536</v>
      </c>
      <c r="D38" s="22">
        <v>1316</v>
      </c>
      <c r="E38" s="22">
        <v>1220</v>
      </c>
      <c r="F38" s="22"/>
      <c r="G38" s="21" t="s">
        <v>72</v>
      </c>
      <c r="H38" s="20"/>
      <c r="I38" s="16">
        <v>1572</v>
      </c>
      <c r="J38" s="22">
        <v>701</v>
      </c>
      <c r="K38" s="22">
        <v>871</v>
      </c>
    </row>
    <row r="39" spans="1:11" ht="15" customHeight="1">
      <c r="A39" s="20" t="s">
        <v>73</v>
      </c>
      <c r="B39" s="20"/>
      <c r="C39" s="16">
        <v>2438</v>
      </c>
      <c r="D39" s="22">
        <v>1253</v>
      </c>
      <c r="E39" s="22">
        <v>1185</v>
      </c>
      <c r="F39" s="22"/>
      <c r="G39" s="21" t="s">
        <v>74</v>
      </c>
      <c r="H39" s="20"/>
      <c r="I39" s="16">
        <v>2033</v>
      </c>
      <c r="J39" s="22">
        <v>936</v>
      </c>
      <c r="K39" s="22">
        <v>1097</v>
      </c>
    </row>
    <row r="40" spans="1:11" ht="15" customHeight="1">
      <c r="A40" s="20" t="s">
        <v>75</v>
      </c>
      <c r="B40" s="20"/>
      <c r="C40" s="16">
        <v>2274</v>
      </c>
      <c r="D40" s="22">
        <v>1147</v>
      </c>
      <c r="E40" s="22">
        <v>1127</v>
      </c>
      <c r="F40" s="22"/>
      <c r="G40" s="21" t="s">
        <v>76</v>
      </c>
      <c r="H40" s="20"/>
      <c r="I40" s="16">
        <v>2072</v>
      </c>
      <c r="J40" s="22">
        <v>901</v>
      </c>
      <c r="K40" s="22">
        <v>1171</v>
      </c>
    </row>
    <row r="41" spans="1:11" ht="20.100000000000001" customHeight="1">
      <c r="A41" s="20" t="s">
        <v>77</v>
      </c>
      <c r="B41" s="20"/>
      <c r="C41" s="16">
        <v>10798</v>
      </c>
      <c r="D41" s="17">
        <v>5482</v>
      </c>
      <c r="E41" s="17">
        <v>5316</v>
      </c>
      <c r="F41" s="17"/>
      <c r="G41" s="21" t="s">
        <v>78</v>
      </c>
      <c r="H41" s="20"/>
      <c r="I41" s="16">
        <v>8266</v>
      </c>
      <c r="J41" s="17">
        <v>3331</v>
      </c>
      <c r="K41" s="17">
        <v>4935</v>
      </c>
    </row>
    <row r="42" spans="1:11" ht="15" customHeight="1">
      <c r="A42" s="20" t="s">
        <v>79</v>
      </c>
      <c r="B42" s="20"/>
      <c r="C42" s="16">
        <v>2117</v>
      </c>
      <c r="D42" s="22">
        <v>1050</v>
      </c>
      <c r="E42" s="22">
        <v>1067</v>
      </c>
      <c r="F42" s="22"/>
      <c r="G42" s="21" t="s">
        <v>80</v>
      </c>
      <c r="H42" s="20"/>
      <c r="I42" s="16">
        <v>1913</v>
      </c>
      <c r="J42" s="22">
        <v>751</v>
      </c>
      <c r="K42" s="22">
        <v>1162</v>
      </c>
    </row>
    <row r="43" spans="1:11" ht="15" customHeight="1">
      <c r="A43" s="20" t="s">
        <v>81</v>
      </c>
      <c r="B43" s="20"/>
      <c r="C43" s="16">
        <v>2252</v>
      </c>
      <c r="D43" s="22">
        <v>1116</v>
      </c>
      <c r="E43" s="22">
        <v>1136</v>
      </c>
      <c r="F43" s="22"/>
      <c r="G43" s="21" t="s">
        <v>82</v>
      </c>
      <c r="H43" s="20"/>
      <c r="I43" s="16">
        <v>1941</v>
      </c>
      <c r="J43" s="22">
        <v>793</v>
      </c>
      <c r="K43" s="22">
        <v>1148</v>
      </c>
    </row>
    <row r="44" spans="1:11" ht="15" customHeight="1">
      <c r="A44" s="20" t="s">
        <v>83</v>
      </c>
      <c r="B44" s="20"/>
      <c r="C44" s="16">
        <v>2079</v>
      </c>
      <c r="D44" s="22">
        <v>1068</v>
      </c>
      <c r="E44" s="22">
        <v>1011</v>
      </c>
      <c r="F44" s="22"/>
      <c r="G44" s="21" t="s">
        <v>84</v>
      </c>
      <c r="H44" s="20"/>
      <c r="I44" s="16">
        <v>1711</v>
      </c>
      <c r="J44" s="22">
        <v>696</v>
      </c>
      <c r="K44" s="22">
        <v>1015</v>
      </c>
    </row>
    <row r="45" spans="1:11" ht="15" customHeight="1">
      <c r="A45" s="20" t="s">
        <v>85</v>
      </c>
      <c r="B45" s="20"/>
      <c r="C45" s="16">
        <v>2162</v>
      </c>
      <c r="D45" s="22">
        <v>1113</v>
      </c>
      <c r="E45" s="22">
        <v>1049</v>
      </c>
      <c r="F45" s="22"/>
      <c r="G45" s="21" t="s">
        <v>86</v>
      </c>
      <c r="H45" s="20"/>
      <c r="I45" s="16">
        <v>1458</v>
      </c>
      <c r="J45" s="22">
        <v>555</v>
      </c>
      <c r="K45" s="22">
        <v>903</v>
      </c>
    </row>
    <row r="46" spans="1:11" ht="15" customHeight="1">
      <c r="A46" s="20" t="s">
        <v>87</v>
      </c>
      <c r="B46" s="20"/>
      <c r="C46" s="16">
        <v>2188</v>
      </c>
      <c r="D46" s="22">
        <v>1135</v>
      </c>
      <c r="E46" s="22">
        <v>1053</v>
      </c>
      <c r="F46" s="22"/>
      <c r="G46" s="21" t="s">
        <v>88</v>
      </c>
      <c r="H46" s="20"/>
      <c r="I46" s="16">
        <v>1243</v>
      </c>
      <c r="J46" s="22">
        <v>536</v>
      </c>
      <c r="K46" s="22">
        <v>707</v>
      </c>
    </row>
    <row r="47" spans="1:11" ht="20.100000000000001" customHeight="1">
      <c r="A47" s="20" t="s">
        <v>89</v>
      </c>
      <c r="B47" s="20"/>
      <c r="C47" s="16">
        <v>11326</v>
      </c>
      <c r="D47" s="17">
        <v>5788</v>
      </c>
      <c r="E47" s="17">
        <v>5538</v>
      </c>
      <c r="F47" s="17"/>
      <c r="G47" s="21" t="s">
        <v>90</v>
      </c>
      <c r="H47" s="20"/>
      <c r="I47" s="16">
        <v>5816</v>
      </c>
      <c r="J47" s="17">
        <v>2077</v>
      </c>
      <c r="K47" s="17">
        <v>3739</v>
      </c>
    </row>
    <row r="48" spans="1:11" ht="15" customHeight="1">
      <c r="A48" s="20" t="s">
        <v>91</v>
      </c>
      <c r="B48" s="20"/>
      <c r="C48" s="16">
        <v>2127</v>
      </c>
      <c r="D48" s="22">
        <v>1105</v>
      </c>
      <c r="E48" s="22">
        <v>1022</v>
      </c>
      <c r="F48" s="22"/>
      <c r="G48" s="21" t="s">
        <v>92</v>
      </c>
      <c r="H48" s="20"/>
      <c r="I48" s="16">
        <v>1416</v>
      </c>
      <c r="J48" s="22">
        <v>502</v>
      </c>
      <c r="K48" s="22">
        <v>914</v>
      </c>
    </row>
    <row r="49" spans="1:11" ht="15" customHeight="1">
      <c r="A49" s="20" t="s">
        <v>93</v>
      </c>
      <c r="B49" s="20"/>
      <c r="C49" s="16">
        <v>2136</v>
      </c>
      <c r="D49" s="22">
        <v>1081</v>
      </c>
      <c r="E49" s="22">
        <v>1055</v>
      </c>
      <c r="F49" s="22"/>
      <c r="G49" s="21" t="s">
        <v>94</v>
      </c>
      <c r="H49" s="20"/>
      <c r="I49" s="16">
        <v>1287</v>
      </c>
      <c r="J49" s="22">
        <v>461</v>
      </c>
      <c r="K49" s="22">
        <v>826</v>
      </c>
    </row>
    <row r="50" spans="1:11" ht="15" customHeight="1">
      <c r="A50" s="20" t="s">
        <v>95</v>
      </c>
      <c r="B50" s="20"/>
      <c r="C50" s="16">
        <v>2282</v>
      </c>
      <c r="D50" s="22">
        <v>1151</v>
      </c>
      <c r="E50" s="22">
        <v>1131</v>
      </c>
      <c r="F50" s="22"/>
      <c r="G50" s="21" t="s">
        <v>96</v>
      </c>
      <c r="H50" s="20"/>
      <c r="I50" s="16">
        <v>1215</v>
      </c>
      <c r="J50" s="22">
        <v>452</v>
      </c>
      <c r="K50" s="22">
        <v>763</v>
      </c>
    </row>
    <row r="51" spans="1:11" ht="15" customHeight="1">
      <c r="A51" s="20" t="s">
        <v>97</v>
      </c>
      <c r="B51" s="20"/>
      <c r="C51" s="16">
        <v>2361</v>
      </c>
      <c r="D51" s="22">
        <v>1202</v>
      </c>
      <c r="E51" s="22">
        <v>1159</v>
      </c>
      <c r="F51" s="22"/>
      <c r="G51" s="21" t="s">
        <v>98</v>
      </c>
      <c r="H51" s="20"/>
      <c r="I51" s="16">
        <v>1028</v>
      </c>
      <c r="J51" s="22">
        <v>365</v>
      </c>
      <c r="K51" s="22">
        <v>663</v>
      </c>
    </row>
    <row r="52" spans="1:11" ht="15" customHeight="1">
      <c r="A52" s="20" t="s">
        <v>99</v>
      </c>
      <c r="B52" s="20"/>
      <c r="C52" s="16">
        <v>2420</v>
      </c>
      <c r="D52" s="22">
        <v>1249</v>
      </c>
      <c r="E52" s="22">
        <v>1171</v>
      </c>
      <c r="F52" s="22"/>
      <c r="G52" s="21" t="s">
        <v>100</v>
      </c>
      <c r="H52" s="20"/>
      <c r="I52" s="16">
        <v>870</v>
      </c>
      <c r="J52" s="22">
        <v>297</v>
      </c>
      <c r="K52" s="22">
        <v>573</v>
      </c>
    </row>
    <row r="53" spans="1:11" ht="20.100000000000001" customHeight="1">
      <c r="A53" s="20" t="s">
        <v>101</v>
      </c>
      <c r="B53" s="20"/>
      <c r="C53" s="16">
        <v>12383</v>
      </c>
      <c r="D53" s="17">
        <v>6310</v>
      </c>
      <c r="E53" s="17">
        <v>6073</v>
      </c>
      <c r="F53" s="17"/>
      <c r="G53" s="21" t="s">
        <v>102</v>
      </c>
      <c r="H53" s="20"/>
      <c r="I53" s="16">
        <v>2616</v>
      </c>
      <c r="J53" s="17">
        <v>798</v>
      </c>
      <c r="K53" s="17">
        <v>1818</v>
      </c>
    </row>
    <row r="54" spans="1:11" ht="15" customHeight="1">
      <c r="A54" s="20" t="s">
        <v>103</v>
      </c>
      <c r="B54" s="20"/>
      <c r="C54" s="16">
        <v>2350</v>
      </c>
      <c r="D54" s="22">
        <v>1188</v>
      </c>
      <c r="E54" s="22">
        <v>1162</v>
      </c>
      <c r="F54" s="22"/>
      <c r="G54" s="21" t="s">
        <v>104</v>
      </c>
      <c r="H54" s="20"/>
      <c r="I54" s="16">
        <v>755</v>
      </c>
      <c r="J54" s="22">
        <v>233</v>
      </c>
      <c r="K54" s="22">
        <v>522</v>
      </c>
    </row>
    <row r="55" spans="1:11" ht="15" customHeight="1">
      <c r="A55" s="20" t="s">
        <v>105</v>
      </c>
      <c r="B55" s="20"/>
      <c r="C55" s="16">
        <v>2378</v>
      </c>
      <c r="D55" s="22">
        <v>1185</v>
      </c>
      <c r="E55" s="22">
        <v>1193</v>
      </c>
      <c r="F55" s="22"/>
      <c r="G55" s="21" t="s">
        <v>106</v>
      </c>
      <c r="H55" s="20"/>
      <c r="I55" s="16">
        <v>664</v>
      </c>
      <c r="J55" s="22">
        <v>207</v>
      </c>
      <c r="K55" s="22">
        <v>457</v>
      </c>
    </row>
    <row r="56" spans="1:11" ht="15" customHeight="1">
      <c r="A56" s="20" t="s">
        <v>107</v>
      </c>
      <c r="B56" s="20"/>
      <c r="C56" s="16">
        <v>2455</v>
      </c>
      <c r="D56" s="22">
        <v>1248</v>
      </c>
      <c r="E56" s="22">
        <v>1207</v>
      </c>
      <c r="F56" s="22"/>
      <c r="G56" s="21" t="s">
        <v>108</v>
      </c>
      <c r="H56" s="20"/>
      <c r="I56" s="16">
        <v>461</v>
      </c>
      <c r="J56" s="22">
        <v>156</v>
      </c>
      <c r="K56" s="22">
        <v>305</v>
      </c>
    </row>
    <row r="57" spans="1:11" ht="15" customHeight="1">
      <c r="A57" s="20" t="s">
        <v>109</v>
      </c>
      <c r="B57" s="20"/>
      <c r="C57" s="16">
        <v>2534</v>
      </c>
      <c r="D57" s="22">
        <v>1304</v>
      </c>
      <c r="E57" s="22">
        <v>1230</v>
      </c>
      <c r="F57" s="22"/>
      <c r="G57" s="21" t="s">
        <v>110</v>
      </c>
      <c r="H57" s="20"/>
      <c r="I57" s="16">
        <v>421</v>
      </c>
      <c r="J57" s="22">
        <v>121</v>
      </c>
      <c r="K57" s="22">
        <v>300</v>
      </c>
    </row>
    <row r="58" spans="1:11" ht="15" customHeight="1">
      <c r="A58" s="20" t="s">
        <v>111</v>
      </c>
      <c r="B58" s="20"/>
      <c r="C58" s="16">
        <v>2666</v>
      </c>
      <c r="D58" s="22">
        <v>1385</v>
      </c>
      <c r="E58" s="22">
        <v>1281</v>
      </c>
      <c r="F58" s="22"/>
      <c r="G58" s="21" t="s">
        <v>112</v>
      </c>
      <c r="H58" s="20"/>
      <c r="I58" s="16">
        <v>315</v>
      </c>
      <c r="J58" s="22">
        <v>81</v>
      </c>
      <c r="K58" s="22">
        <v>234</v>
      </c>
    </row>
    <row r="59" spans="1:11" ht="20.100000000000001" customHeight="1">
      <c r="A59" s="20" t="s">
        <v>113</v>
      </c>
      <c r="B59" s="20"/>
      <c r="C59" s="16">
        <v>14535</v>
      </c>
      <c r="D59" s="17">
        <v>7504</v>
      </c>
      <c r="E59" s="17">
        <v>7031</v>
      </c>
      <c r="F59" s="17"/>
      <c r="G59" s="21" t="s">
        <v>114</v>
      </c>
      <c r="H59" s="20"/>
      <c r="I59" s="16">
        <v>555</v>
      </c>
      <c r="J59" s="17">
        <v>119</v>
      </c>
      <c r="K59" s="17">
        <v>436</v>
      </c>
    </row>
    <row r="60" spans="1:11" ht="15" customHeight="1">
      <c r="A60" s="20" t="s">
        <v>115</v>
      </c>
      <c r="B60" s="20"/>
      <c r="C60" s="16">
        <v>2699</v>
      </c>
      <c r="D60" s="22">
        <v>1406</v>
      </c>
      <c r="E60" s="22">
        <v>1293</v>
      </c>
      <c r="F60" s="22"/>
      <c r="G60" s="21" t="s">
        <v>116</v>
      </c>
      <c r="H60" s="20"/>
      <c r="I60" s="16">
        <v>197</v>
      </c>
      <c r="J60" s="22">
        <v>45</v>
      </c>
      <c r="K60" s="22">
        <v>152</v>
      </c>
    </row>
    <row r="61" spans="1:11" ht="15" customHeight="1">
      <c r="A61" s="20" t="s">
        <v>117</v>
      </c>
      <c r="B61" s="20"/>
      <c r="C61" s="16">
        <v>2768</v>
      </c>
      <c r="D61" s="22">
        <v>1419</v>
      </c>
      <c r="E61" s="22">
        <v>1349</v>
      </c>
      <c r="F61" s="22"/>
      <c r="G61" s="21" t="s">
        <v>118</v>
      </c>
      <c r="H61" s="20"/>
      <c r="I61" s="16">
        <v>152</v>
      </c>
      <c r="J61" s="22">
        <v>21</v>
      </c>
      <c r="K61" s="22">
        <v>131</v>
      </c>
    </row>
    <row r="62" spans="1:11" ht="15" customHeight="1">
      <c r="A62" s="20" t="s">
        <v>119</v>
      </c>
      <c r="B62" s="20"/>
      <c r="C62" s="16">
        <v>2826</v>
      </c>
      <c r="D62" s="22">
        <v>1483</v>
      </c>
      <c r="E62" s="22">
        <v>1343</v>
      </c>
      <c r="F62" s="22"/>
      <c r="G62" s="21" t="s">
        <v>120</v>
      </c>
      <c r="H62" s="20"/>
      <c r="I62" s="16">
        <v>100</v>
      </c>
      <c r="J62" s="22">
        <v>19</v>
      </c>
      <c r="K62" s="22">
        <v>81</v>
      </c>
    </row>
    <row r="63" spans="1:11" ht="15" customHeight="1">
      <c r="A63" s="20" t="s">
        <v>121</v>
      </c>
      <c r="B63" s="20"/>
      <c r="C63" s="16">
        <v>2960</v>
      </c>
      <c r="D63" s="22">
        <v>1498</v>
      </c>
      <c r="E63" s="22">
        <v>1462</v>
      </c>
      <c r="F63" s="22"/>
      <c r="G63" s="21" t="s">
        <v>122</v>
      </c>
      <c r="H63" s="20"/>
      <c r="I63" s="16">
        <v>70</v>
      </c>
      <c r="J63" s="22">
        <v>26</v>
      </c>
      <c r="K63" s="22">
        <v>44</v>
      </c>
    </row>
    <row r="64" spans="1:11" ht="15" customHeight="1">
      <c r="A64" s="20" t="s">
        <v>123</v>
      </c>
      <c r="B64" s="20"/>
      <c r="C64" s="16">
        <v>3282</v>
      </c>
      <c r="D64" s="22">
        <v>1698</v>
      </c>
      <c r="E64" s="22">
        <v>1584</v>
      </c>
      <c r="F64" s="22"/>
      <c r="G64" s="21" t="s">
        <v>124</v>
      </c>
      <c r="H64" s="20"/>
      <c r="I64" s="16">
        <v>36</v>
      </c>
      <c r="J64" s="22">
        <v>8</v>
      </c>
      <c r="K64" s="22">
        <v>28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65</v>
      </c>
      <c r="J65" s="22">
        <v>10</v>
      </c>
      <c r="K65" s="22">
        <v>55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6242</v>
      </c>
      <c r="J66" s="32">
        <v>3637</v>
      </c>
      <c r="K66" s="32">
        <v>2605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33" t="s">
        <v>188</v>
      </c>
      <c r="B2" s="33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205852</v>
      </c>
      <c r="D4" s="17">
        <v>100827</v>
      </c>
      <c r="E4" s="17">
        <v>105025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6229</v>
      </c>
      <c r="D5" s="17">
        <v>3219</v>
      </c>
      <c r="E5" s="17">
        <v>3010</v>
      </c>
      <c r="F5" s="17"/>
      <c r="G5" s="21" t="s">
        <v>6</v>
      </c>
      <c r="H5" s="20"/>
      <c r="I5" s="16">
        <v>16492</v>
      </c>
      <c r="J5" s="17">
        <v>8360</v>
      </c>
      <c r="K5" s="17">
        <v>8132</v>
      </c>
    </row>
    <row r="6" spans="1:11" ht="15" customHeight="1">
      <c r="A6" s="20" t="s">
        <v>7</v>
      </c>
      <c r="B6" s="20"/>
      <c r="C6" s="16">
        <v>1198</v>
      </c>
      <c r="D6" s="22">
        <v>596</v>
      </c>
      <c r="E6" s="22">
        <v>602</v>
      </c>
      <c r="F6" s="22"/>
      <c r="G6" s="21" t="s">
        <v>8</v>
      </c>
      <c r="H6" s="20"/>
      <c r="I6" s="16">
        <v>3296</v>
      </c>
      <c r="J6" s="22">
        <v>1666</v>
      </c>
      <c r="K6" s="22">
        <v>1630</v>
      </c>
    </row>
    <row r="7" spans="1:11" ht="15" customHeight="1">
      <c r="A7" s="20" t="s">
        <v>9</v>
      </c>
      <c r="B7" s="20"/>
      <c r="C7" s="16">
        <v>1245</v>
      </c>
      <c r="D7" s="22">
        <v>619</v>
      </c>
      <c r="E7" s="22">
        <v>626</v>
      </c>
      <c r="F7" s="22"/>
      <c r="G7" s="21" t="s">
        <v>10</v>
      </c>
      <c r="H7" s="20"/>
      <c r="I7" s="16">
        <v>3303</v>
      </c>
      <c r="J7" s="22">
        <v>1674</v>
      </c>
      <c r="K7" s="22">
        <v>1629</v>
      </c>
    </row>
    <row r="8" spans="1:11" ht="15" customHeight="1">
      <c r="A8" s="20" t="s">
        <v>11</v>
      </c>
      <c r="B8" s="20"/>
      <c r="C8" s="16">
        <v>1227</v>
      </c>
      <c r="D8" s="22">
        <v>673</v>
      </c>
      <c r="E8" s="22">
        <v>554</v>
      </c>
      <c r="F8" s="22"/>
      <c r="G8" s="21" t="s">
        <v>12</v>
      </c>
      <c r="H8" s="20"/>
      <c r="I8" s="16">
        <v>3318</v>
      </c>
      <c r="J8" s="22">
        <v>1660</v>
      </c>
      <c r="K8" s="22">
        <v>1658</v>
      </c>
    </row>
    <row r="9" spans="1:11" ht="15" customHeight="1">
      <c r="A9" s="20" t="s">
        <v>13</v>
      </c>
      <c r="B9" s="20"/>
      <c r="C9" s="16">
        <v>1251</v>
      </c>
      <c r="D9" s="22">
        <v>658</v>
      </c>
      <c r="E9" s="22">
        <v>593</v>
      </c>
      <c r="F9" s="22"/>
      <c r="G9" s="21" t="s">
        <v>14</v>
      </c>
      <c r="H9" s="20"/>
      <c r="I9" s="16">
        <v>3315</v>
      </c>
      <c r="J9" s="22">
        <v>1658</v>
      </c>
      <c r="K9" s="22">
        <v>1657</v>
      </c>
    </row>
    <row r="10" spans="1:11" ht="15" customHeight="1">
      <c r="A10" s="20" t="s">
        <v>15</v>
      </c>
      <c r="B10" s="20"/>
      <c r="C10" s="16">
        <v>1308</v>
      </c>
      <c r="D10" s="22">
        <v>673</v>
      </c>
      <c r="E10" s="22">
        <v>635</v>
      </c>
      <c r="F10" s="22"/>
      <c r="G10" s="21" t="s">
        <v>16</v>
      </c>
      <c r="H10" s="20"/>
      <c r="I10" s="16">
        <v>3260</v>
      </c>
      <c r="J10" s="22">
        <v>1702</v>
      </c>
      <c r="K10" s="22">
        <v>1558</v>
      </c>
    </row>
    <row r="11" spans="1:11" ht="20.100000000000001" customHeight="1">
      <c r="A11" s="20" t="s">
        <v>17</v>
      </c>
      <c r="B11" s="20"/>
      <c r="C11" s="16">
        <v>7298</v>
      </c>
      <c r="D11" s="17">
        <v>3783</v>
      </c>
      <c r="E11" s="17">
        <v>3515</v>
      </c>
      <c r="F11" s="17"/>
      <c r="G11" s="21" t="s">
        <v>18</v>
      </c>
      <c r="H11" s="20"/>
      <c r="I11" s="16">
        <v>14667</v>
      </c>
      <c r="J11" s="17">
        <v>7410</v>
      </c>
      <c r="K11" s="17">
        <v>7257</v>
      </c>
    </row>
    <row r="12" spans="1:11" ht="15" customHeight="1">
      <c r="A12" s="20" t="s">
        <v>19</v>
      </c>
      <c r="B12" s="20"/>
      <c r="C12" s="16">
        <v>1411</v>
      </c>
      <c r="D12" s="22">
        <v>709</v>
      </c>
      <c r="E12" s="22">
        <v>702</v>
      </c>
      <c r="F12" s="22"/>
      <c r="G12" s="21" t="s">
        <v>20</v>
      </c>
      <c r="H12" s="20"/>
      <c r="I12" s="16">
        <v>3290</v>
      </c>
      <c r="J12" s="22">
        <v>1634</v>
      </c>
      <c r="K12" s="22">
        <v>1656</v>
      </c>
    </row>
    <row r="13" spans="1:11" ht="15" customHeight="1">
      <c r="A13" s="20" t="s">
        <v>21</v>
      </c>
      <c r="B13" s="20"/>
      <c r="C13" s="16">
        <v>1493</v>
      </c>
      <c r="D13" s="22">
        <v>791</v>
      </c>
      <c r="E13" s="22">
        <v>702</v>
      </c>
      <c r="F13" s="22"/>
      <c r="G13" s="21" t="s">
        <v>22</v>
      </c>
      <c r="H13" s="20"/>
      <c r="I13" s="16">
        <v>2412</v>
      </c>
      <c r="J13" s="22">
        <v>1202</v>
      </c>
      <c r="K13" s="22">
        <v>1210</v>
      </c>
    </row>
    <row r="14" spans="1:11" ht="15" customHeight="1">
      <c r="A14" s="20" t="s">
        <v>23</v>
      </c>
      <c r="B14" s="20"/>
      <c r="C14" s="16">
        <v>1470</v>
      </c>
      <c r="D14" s="22">
        <v>754</v>
      </c>
      <c r="E14" s="22">
        <v>716</v>
      </c>
      <c r="F14" s="22"/>
      <c r="G14" s="21" t="s">
        <v>24</v>
      </c>
      <c r="H14" s="20"/>
      <c r="I14" s="16">
        <v>3113</v>
      </c>
      <c r="J14" s="22">
        <v>1629</v>
      </c>
      <c r="K14" s="22">
        <v>1484</v>
      </c>
    </row>
    <row r="15" spans="1:11" ht="15" customHeight="1">
      <c r="A15" s="20" t="s">
        <v>25</v>
      </c>
      <c r="B15" s="20"/>
      <c r="C15" s="16">
        <v>1459</v>
      </c>
      <c r="D15" s="22">
        <v>746</v>
      </c>
      <c r="E15" s="22">
        <v>713</v>
      </c>
      <c r="F15" s="22"/>
      <c r="G15" s="21" t="s">
        <v>26</v>
      </c>
      <c r="H15" s="20"/>
      <c r="I15" s="16">
        <v>2958</v>
      </c>
      <c r="J15" s="22">
        <v>1500</v>
      </c>
      <c r="K15" s="22">
        <v>1458</v>
      </c>
    </row>
    <row r="16" spans="1:11" ht="15" customHeight="1">
      <c r="A16" s="20" t="s">
        <v>27</v>
      </c>
      <c r="B16" s="20"/>
      <c r="C16" s="16">
        <v>1465</v>
      </c>
      <c r="D16" s="22">
        <v>783</v>
      </c>
      <c r="E16" s="22">
        <v>682</v>
      </c>
      <c r="F16" s="22"/>
      <c r="G16" s="21" t="s">
        <v>28</v>
      </c>
      <c r="H16" s="20"/>
      <c r="I16" s="16">
        <v>2894</v>
      </c>
      <c r="J16" s="22">
        <v>1445</v>
      </c>
      <c r="K16" s="22">
        <v>1449</v>
      </c>
    </row>
    <row r="17" spans="1:11" ht="20.100000000000001" customHeight="1">
      <c r="A17" s="24" t="s">
        <v>29</v>
      </c>
      <c r="B17" s="24"/>
      <c r="C17" s="16">
        <v>7681</v>
      </c>
      <c r="D17" s="17">
        <v>3961</v>
      </c>
      <c r="E17" s="17">
        <v>3720</v>
      </c>
      <c r="F17" s="17"/>
      <c r="G17" s="21" t="s">
        <v>30</v>
      </c>
      <c r="H17" s="20"/>
      <c r="I17" s="16">
        <v>12064</v>
      </c>
      <c r="J17" s="17">
        <v>6158</v>
      </c>
      <c r="K17" s="17">
        <v>5906</v>
      </c>
    </row>
    <row r="18" spans="1:11" ht="15" customHeight="1">
      <c r="A18" s="20" t="s">
        <v>31</v>
      </c>
      <c r="B18" s="20"/>
      <c r="C18" s="16">
        <v>1527</v>
      </c>
      <c r="D18" s="22">
        <v>782</v>
      </c>
      <c r="E18" s="22">
        <v>745</v>
      </c>
      <c r="F18" s="22"/>
      <c r="G18" s="21" t="s">
        <v>32</v>
      </c>
      <c r="H18" s="20"/>
      <c r="I18" s="16">
        <v>2709</v>
      </c>
      <c r="J18" s="22">
        <v>1393</v>
      </c>
      <c r="K18" s="22">
        <v>1316</v>
      </c>
    </row>
    <row r="19" spans="1:11" ht="15" customHeight="1">
      <c r="A19" s="20" t="s">
        <v>33</v>
      </c>
      <c r="B19" s="20"/>
      <c r="C19" s="16">
        <v>1480</v>
      </c>
      <c r="D19" s="22">
        <v>757</v>
      </c>
      <c r="E19" s="22">
        <v>723</v>
      </c>
      <c r="F19" s="22"/>
      <c r="G19" s="21" t="s">
        <v>34</v>
      </c>
      <c r="H19" s="20"/>
      <c r="I19" s="16">
        <v>2454</v>
      </c>
      <c r="J19" s="22">
        <v>1264</v>
      </c>
      <c r="K19" s="22">
        <v>1190</v>
      </c>
    </row>
    <row r="20" spans="1:11" ht="15" customHeight="1">
      <c r="A20" s="20" t="s">
        <v>35</v>
      </c>
      <c r="B20" s="20"/>
      <c r="C20" s="16">
        <v>1583</v>
      </c>
      <c r="D20" s="22">
        <v>819</v>
      </c>
      <c r="E20" s="22">
        <v>764</v>
      </c>
      <c r="F20" s="22"/>
      <c r="G20" s="21" t="s">
        <v>36</v>
      </c>
      <c r="H20" s="20"/>
      <c r="I20" s="16">
        <v>2403</v>
      </c>
      <c r="J20" s="22">
        <v>1247</v>
      </c>
      <c r="K20" s="22">
        <v>1156</v>
      </c>
    </row>
    <row r="21" spans="1:11" ht="15" customHeight="1">
      <c r="A21" s="20" t="s">
        <v>37</v>
      </c>
      <c r="B21" s="20"/>
      <c r="C21" s="16">
        <v>1527</v>
      </c>
      <c r="D21" s="22">
        <v>790</v>
      </c>
      <c r="E21" s="22">
        <v>737</v>
      </c>
      <c r="F21" s="22"/>
      <c r="G21" s="21" t="s">
        <v>38</v>
      </c>
      <c r="H21" s="20"/>
      <c r="I21" s="16">
        <v>2342</v>
      </c>
      <c r="J21" s="22">
        <v>1186</v>
      </c>
      <c r="K21" s="22">
        <v>1156</v>
      </c>
    </row>
    <row r="22" spans="1:11" ht="15" customHeight="1">
      <c r="A22" s="20" t="s">
        <v>39</v>
      </c>
      <c r="B22" s="20"/>
      <c r="C22" s="16">
        <v>1564</v>
      </c>
      <c r="D22" s="22">
        <v>813</v>
      </c>
      <c r="E22" s="22">
        <v>751</v>
      </c>
      <c r="F22" s="22"/>
      <c r="G22" s="21" t="s">
        <v>40</v>
      </c>
      <c r="H22" s="20"/>
      <c r="I22" s="16">
        <v>2156</v>
      </c>
      <c r="J22" s="22">
        <v>1068</v>
      </c>
      <c r="K22" s="22">
        <v>1088</v>
      </c>
    </row>
    <row r="23" spans="1:11" ht="20.100000000000001" customHeight="1">
      <c r="A23" s="20" t="s">
        <v>41</v>
      </c>
      <c r="B23" s="20"/>
      <c r="C23" s="16">
        <v>8319</v>
      </c>
      <c r="D23" s="17">
        <v>4240</v>
      </c>
      <c r="E23" s="17">
        <v>4079</v>
      </c>
      <c r="F23" s="17"/>
      <c r="G23" s="21" t="s">
        <v>42</v>
      </c>
      <c r="H23" s="20"/>
      <c r="I23" s="16">
        <v>10629</v>
      </c>
      <c r="J23" s="17">
        <v>5284</v>
      </c>
      <c r="K23" s="17">
        <v>5345</v>
      </c>
    </row>
    <row r="24" spans="1:11" ht="15" customHeight="1">
      <c r="A24" s="20" t="s">
        <v>43</v>
      </c>
      <c r="B24" s="20"/>
      <c r="C24" s="16">
        <v>1610</v>
      </c>
      <c r="D24" s="22">
        <v>801</v>
      </c>
      <c r="E24" s="22">
        <v>809</v>
      </c>
      <c r="F24" s="22"/>
      <c r="G24" s="21" t="s">
        <v>44</v>
      </c>
      <c r="H24" s="20"/>
      <c r="I24" s="16">
        <v>2120</v>
      </c>
      <c r="J24" s="22">
        <v>1069</v>
      </c>
      <c r="K24" s="22">
        <v>1051</v>
      </c>
    </row>
    <row r="25" spans="1:11" ht="15" customHeight="1">
      <c r="A25" s="20" t="s">
        <v>45</v>
      </c>
      <c r="B25" s="20"/>
      <c r="C25" s="16">
        <v>1580</v>
      </c>
      <c r="D25" s="22">
        <v>772</v>
      </c>
      <c r="E25" s="22">
        <v>808</v>
      </c>
      <c r="F25" s="22"/>
      <c r="G25" s="21" t="s">
        <v>46</v>
      </c>
      <c r="H25" s="20"/>
      <c r="I25" s="16">
        <v>2153</v>
      </c>
      <c r="J25" s="22">
        <v>1118</v>
      </c>
      <c r="K25" s="22">
        <v>1035</v>
      </c>
    </row>
    <row r="26" spans="1:11" ht="15" customHeight="1">
      <c r="A26" s="20" t="s">
        <v>47</v>
      </c>
      <c r="B26" s="20"/>
      <c r="C26" s="16">
        <v>1578</v>
      </c>
      <c r="D26" s="22">
        <v>818</v>
      </c>
      <c r="E26" s="22">
        <v>760</v>
      </c>
      <c r="F26" s="22"/>
      <c r="G26" s="21" t="s">
        <v>48</v>
      </c>
      <c r="H26" s="20"/>
      <c r="I26" s="16">
        <v>2099</v>
      </c>
      <c r="J26" s="22">
        <v>1066</v>
      </c>
      <c r="K26" s="22">
        <v>1033</v>
      </c>
    </row>
    <row r="27" spans="1:11" ht="15" customHeight="1">
      <c r="A27" s="20" t="s">
        <v>49</v>
      </c>
      <c r="B27" s="20"/>
      <c r="C27" s="16">
        <v>1688</v>
      </c>
      <c r="D27" s="22">
        <v>867</v>
      </c>
      <c r="E27" s="22">
        <v>821</v>
      </c>
      <c r="F27" s="22"/>
      <c r="G27" s="21" t="s">
        <v>50</v>
      </c>
      <c r="H27" s="20"/>
      <c r="I27" s="16">
        <v>2134</v>
      </c>
      <c r="J27" s="22">
        <v>1028</v>
      </c>
      <c r="K27" s="22">
        <v>1106</v>
      </c>
    </row>
    <row r="28" spans="1:11" ht="15" customHeight="1">
      <c r="A28" s="20" t="s">
        <v>51</v>
      </c>
      <c r="B28" s="20"/>
      <c r="C28" s="16">
        <v>1863</v>
      </c>
      <c r="D28" s="22">
        <v>982</v>
      </c>
      <c r="E28" s="22">
        <v>881</v>
      </c>
      <c r="F28" s="22"/>
      <c r="G28" s="21" t="s">
        <v>52</v>
      </c>
      <c r="H28" s="20"/>
      <c r="I28" s="16">
        <v>2123</v>
      </c>
      <c r="J28" s="22">
        <v>1003</v>
      </c>
      <c r="K28" s="22">
        <v>1120</v>
      </c>
    </row>
    <row r="29" spans="1:11" ht="20.100000000000001" customHeight="1">
      <c r="A29" s="20" t="s">
        <v>53</v>
      </c>
      <c r="B29" s="20"/>
      <c r="C29" s="16">
        <v>12251</v>
      </c>
      <c r="D29" s="17">
        <v>6561</v>
      </c>
      <c r="E29" s="17">
        <v>5690</v>
      </c>
      <c r="F29" s="17"/>
      <c r="G29" s="21" t="s">
        <v>54</v>
      </c>
      <c r="H29" s="20"/>
      <c r="I29" s="16">
        <v>13135</v>
      </c>
      <c r="J29" s="17">
        <v>6188</v>
      </c>
      <c r="K29" s="17">
        <v>6947</v>
      </c>
    </row>
    <row r="30" spans="1:11" ht="15" customHeight="1">
      <c r="A30" s="20" t="s">
        <v>55</v>
      </c>
      <c r="B30" s="20"/>
      <c r="C30" s="16">
        <v>1988</v>
      </c>
      <c r="D30" s="22">
        <v>1068</v>
      </c>
      <c r="E30" s="22">
        <v>920</v>
      </c>
      <c r="F30" s="22"/>
      <c r="G30" s="21" t="s">
        <v>56</v>
      </c>
      <c r="H30" s="20"/>
      <c r="I30" s="16">
        <v>2341</v>
      </c>
      <c r="J30" s="22">
        <v>1149</v>
      </c>
      <c r="K30" s="22">
        <v>1192</v>
      </c>
    </row>
    <row r="31" spans="1:11" ht="15" customHeight="1">
      <c r="A31" s="20" t="s">
        <v>57</v>
      </c>
      <c r="B31" s="20"/>
      <c r="C31" s="16">
        <v>2358</v>
      </c>
      <c r="D31" s="22">
        <v>1293</v>
      </c>
      <c r="E31" s="22">
        <v>1065</v>
      </c>
      <c r="F31" s="22"/>
      <c r="G31" s="21" t="s">
        <v>58</v>
      </c>
      <c r="H31" s="20"/>
      <c r="I31" s="16">
        <v>2398</v>
      </c>
      <c r="J31" s="22">
        <v>1162</v>
      </c>
      <c r="K31" s="22">
        <v>1236</v>
      </c>
    </row>
    <row r="32" spans="1:11" ht="15" customHeight="1">
      <c r="A32" s="20" t="s">
        <v>59</v>
      </c>
      <c r="B32" s="20"/>
      <c r="C32" s="16">
        <v>2520</v>
      </c>
      <c r="D32" s="22">
        <v>1343</v>
      </c>
      <c r="E32" s="22">
        <v>1177</v>
      </c>
      <c r="F32" s="22"/>
      <c r="G32" s="21" t="s">
        <v>60</v>
      </c>
      <c r="H32" s="20"/>
      <c r="I32" s="16">
        <v>2591</v>
      </c>
      <c r="J32" s="22">
        <v>1238</v>
      </c>
      <c r="K32" s="22">
        <v>1353</v>
      </c>
    </row>
    <row r="33" spans="1:11" ht="15" customHeight="1">
      <c r="A33" s="20" t="s">
        <v>61</v>
      </c>
      <c r="B33" s="20"/>
      <c r="C33" s="16">
        <v>2661</v>
      </c>
      <c r="D33" s="22">
        <v>1422</v>
      </c>
      <c r="E33" s="22">
        <v>1239</v>
      </c>
      <c r="F33" s="22"/>
      <c r="G33" s="21" t="s">
        <v>62</v>
      </c>
      <c r="H33" s="20"/>
      <c r="I33" s="16">
        <v>3032</v>
      </c>
      <c r="J33" s="22">
        <v>1368</v>
      </c>
      <c r="K33" s="22">
        <v>1664</v>
      </c>
    </row>
    <row r="34" spans="1:11" ht="15" customHeight="1">
      <c r="A34" s="20" t="s">
        <v>63</v>
      </c>
      <c r="B34" s="20"/>
      <c r="C34" s="16">
        <v>2724</v>
      </c>
      <c r="D34" s="22">
        <v>1435</v>
      </c>
      <c r="E34" s="22">
        <v>1289</v>
      </c>
      <c r="F34" s="22"/>
      <c r="G34" s="21" t="s">
        <v>64</v>
      </c>
      <c r="H34" s="20"/>
      <c r="I34" s="16">
        <v>2773</v>
      </c>
      <c r="J34" s="22">
        <v>1271</v>
      </c>
      <c r="K34" s="22">
        <v>1502</v>
      </c>
    </row>
    <row r="35" spans="1:11" ht="20.100000000000001" customHeight="1">
      <c r="A35" s="20" t="s">
        <v>65</v>
      </c>
      <c r="B35" s="20"/>
      <c r="C35" s="16">
        <v>11646</v>
      </c>
      <c r="D35" s="17">
        <v>5986</v>
      </c>
      <c r="E35" s="17">
        <v>5660</v>
      </c>
      <c r="F35" s="17"/>
      <c r="G35" s="21" t="s">
        <v>66</v>
      </c>
      <c r="H35" s="20"/>
      <c r="I35" s="16">
        <v>10686</v>
      </c>
      <c r="J35" s="17">
        <v>4711</v>
      </c>
      <c r="K35" s="17">
        <v>5975</v>
      </c>
    </row>
    <row r="36" spans="1:11" ht="15" customHeight="1">
      <c r="A36" s="20" t="s">
        <v>67</v>
      </c>
      <c r="B36" s="20"/>
      <c r="C36" s="16">
        <v>2513</v>
      </c>
      <c r="D36" s="22">
        <v>1287</v>
      </c>
      <c r="E36" s="22">
        <v>1226</v>
      </c>
      <c r="F36" s="22"/>
      <c r="G36" s="21" t="s">
        <v>68</v>
      </c>
      <c r="H36" s="20"/>
      <c r="I36" s="16">
        <v>2818</v>
      </c>
      <c r="J36" s="22">
        <v>1319</v>
      </c>
      <c r="K36" s="22">
        <v>1499</v>
      </c>
    </row>
    <row r="37" spans="1:11" ht="15" customHeight="1">
      <c r="A37" s="20" t="s">
        <v>69</v>
      </c>
      <c r="B37" s="20"/>
      <c r="C37" s="16">
        <v>2478</v>
      </c>
      <c r="D37" s="22">
        <v>1295</v>
      </c>
      <c r="E37" s="22">
        <v>1183</v>
      </c>
      <c r="F37" s="22"/>
      <c r="G37" s="21" t="s">
        <v>70</v>
      </c>
      <c r="H37" s="20"/>
      <c r="I37" s="16">
        <v>1855</v>
      </c>
      <c r="J37" s="22">
        <v>846</v>
      </c>
      <c r="K37" s="22">
        <v>1009</v>
      </c>
    </row>
    <row r="38" spans="1:11" ht="15" customHeight="1">
      <c r="A38" s="20" t="s">
        <v>71</v>
      </c>
      <c r="B38" s="20"/>
      <c r="C38" s="16">
        <v>2171</v>
      </c>
      <c r="D38" s="22">
        <v>1072</v>
      </c>
      <c r="E38" s="22">
        <v>1099</v>
      </c>
      <c r="F38" s="22"/>
      <c r="G38" s="21" t="s">
        <v>72</v>
      </c>
      <c r="H38" s="20"/>
      <c r="I38" s="16">
        <v>1739</v>
      </c>
      <c r="J38" s="22">
        <v>757</v>
      </c>
      <c r="K38" s="22">
        <v>982</v>
      </c>
    </row>
    <row r="39" spans="1:11" ht="15" customHeight="1">
      <c r="A39" s="20" t="s">
        <v>73</v>
      </c>
      <c r="B39" s="20"/>
      <c r="C39" s="16">
        <v>2283</v>
      </c>
      <c r="D39" s="22">
        <v>1180</v>
      </c>
      <c r="E39" s="22">
        <v>1103</v>
      </c>
      <c r="F39" s="22"/>
      <c r="G39" s="21" t="s">
        <v>74</v>
      </c>
      <c r="H39" s="20"/>
      <c r="I39" s="16">
        <v>2089</v>
      </c>
      <c r="J39" s="22">
        <v>879</v>
      </c>
      <c r="K39" s="22">
        <v>1210</v>
      </c>
    </row>
    <row r="40" spans="1:11" ht="15" customHeight="1">
      <c r="A40" s="20" t="s">
        <v>75</v>
      </c>
      <c r="B40" s="20"/>
      <c r="C40" s="16">
        <v>2201</v>
      </c>
      <c r="D40" s="22">
        <v>1152</v>
      </c>
      <c r="E40" s="22">
        <v>1049</v>
      </c>
      <c r="F40" s="22"/>
      <c r="G40" s="21" t="s">
        <v>76</v>
      </c>
      <c r="H40" s="20"/>
      <c r="I40" s="16">
        <v>2185</v>
      </c>
      <c r="J40" s="22">
        <v>910</v>
      </c>
      <c r="K40" s="22">
        <v>1275</v>
      </c>
    </row>
    <row r="41" spans="1:11" ht="20.100000000000001" customHeight="1">
      <c r="A41" s="20" t="s">
        <v>77</v>
      </c>
      <c r="B41" s="20"/>
      <c r="C41" s="16">
        <v>10319</v>
      </c>
      <c r="D41" s="17">
        <v>5329</v>
      </c>
      <c r="E41" s="17">
        <v>4990</v>
      </c>
      <c r="F41" s="17"/>
      <c r="G41" s="21" t="s">
        <v>78</v>
      </c>
      <c r="H41" s="20"/>
      <c r="I41" s="16">
        <v>9133</v>
      </c>
      <c r="J41" s="17">
        <v>3644</v>
      </c>
      <c r="K41" s="17">
        <v>5489</v>
      </c>
    </row>
    <row r="42" spans="1:11" ht="15" customHeight="1">
      <c r="A42" s="20" t="s">
        <v>79</v>
      </c>
      <c r="B42" s="20"/>
      <c r="C42" s="16">
        <v>2112</v>
      </c>
      <c r="D42" s="22">
        <v>1097</v>
      </c>
      <c r="E42" s="22">
        <v>1015</v>
      </c>
      <c r="F42" s="22"/>
      <c r="G42" s="21" t="s">
        <v>80</v>
      </c>
      <c r="H42" s="20"/>
      <c r="I42" s="16">
        <v>2146</v>
      </c>
      <c r="J42" s="22">
        <v>867</v>
      </c>
      <c r="K42" s="22">
        <v>1279</v>
      </c>
    </row>
    <row r="43" spans="1:11" ht="15" customHeight="1">
      <c r="A43" s="20" t="s">
        <v>81</v>
      </c>
      <c r="B43" s="20"/>
      <c r="C43" s="16">
        <v>2093</v>
      </c>
      <c r="D43" s="22">
        <v>1081</v>
      </c>
      <c r="E43" s="22">
        <v>1012</v>
      </c>
      <c r="F43" s="22"/>
      <c r="G43" s="21" t="s">
        <v>82</v>
      </c>
      <c r="H43" s="20"/>
      <c r="I43" s="16">
        <v>2069</v>
      </c>
      <c r="J43" s="22">
        <v>810</v>
      </c>
      <c r="K43" s="22">
        <v>1259</v>
      </c>
    </row>
    <row r="44" spans="1:11" ht="15" customHeight="1">
      <c r="A44" s="20" t="s">
        <v>83</v>
      </c>
      <c r="B44" s="20"/>
      <c r="C44" s="16">
        <v>2001</v>
      </c>
      <c r="D44" s="22">
        <v>1043</v>
      </c>
      <c r="E44" s="22">
        <v>958</v>
      </c>
      <c r="F44" s="22"/>
      <c r="G44" s="21" t="s">
        <v>84</v>
      </c>
      <c r="H44" s="20"/>
      <c r="I44" s="16">
        <v>1898</v>
      </c>
      <c r="J44" s="22">
        <v>770</v>
      </c>
      <c r="K44" s="22">
        <v>1128</v>
      </c>
    </row>
    <row r="45" spans="1:11" ht="15" customHeight="1">
      <c r="A45" s="20" t="s">
        <v>85</v>
      </c>
      <c r="B45" s="20"/>
      <c r="C45" s="16">
        <v>1954</v>
      </c>
      <c r="D45" s="22">
        <v>999</v>
      </c>
      <c r="E45" s="22">
        <v>955</v>
      </c>
      <c r="F45" s="22"/>
      <c r="G45" s="21" t="s">
        <v>86</v>
      </c>
      <c r="H45" s="20"/>
      <c r="I45" s="16">
        <v>1563</v>
      </c>
      <c r="J45" s="22">
        <v>619</v>
      </c>
      <c r="K45" s="22">
        <v>944</v>
      </c>
    </row>
    <row r="46" spans="1:11" ht="15" customHeight="1">
      <c r="A46" s="20" t="s">
        <v>87</v>
      </c>
      <c r="B46" s="20"/>
      <c r="C46" s="16">
        <v>2159</v>
      </c>
      <c r="D46" s="22">
        <v>1109</v>
      </c>
      <c r="E46" s="22">
        <v>1050</v>
      </c>
      <c r="F46" s="22"/>
      <c r="G46" s="21" t="s">
        <v>88</v>
      </c>
      <c r="H46" s="20"/>
      <c r="I46" s="16">
        <v>1457</v>
      </c>
      <c r="J46" s="22">
        <v>578</v>
      </c>
      <c r="K46" s="22">
        <v>879</v>
      </c>
    </row>
    <row r="47" spans="1:11" ht="20.100000000000001" customHeight="1">
      <c r="A47" s="20" t="s">
        <v>89</v>
      </c>
      <c r="B47" s="20"/>
      <c r="C47" s="16">
        <v>11220</v>
      </c>
      <c r="D47" s="17">
        <v>5797</v>
      </c>
      <c r="E47" s="17">
        <v>5423</v>
      </c>
      <c r="F47" s="17"/>
      <c r="G47" s="21" t="s">
        <v>90</v>
      </c>
      <c r="H47" s="20"/>
      <c r="I47" s="16">
        <v>6373</v>
      </c>
      <c r="J47" s="17">
        <v>2286</v>
      </c>
      <c r="K47" s="17">
        <v>4087</v>
      </c>
    </row>
    <row r="48" spans="1:11" ht="15" customHeight="1">
      <c r="A48" s="20" t="s">
        <v>91</v>
      </c>
      <c r="B48" s="20"/>
      <c r="C48" s="16">
        <v>2108</v>
      </c>
      <c r="D48" s="22">
        <v>1085</v>
      </c>
      <c r="E48" s="22">
        <v>1023</v>
      </c>
      <c r="F48" s="22"/>
      <c r="G48" s="21" t="s">
        <v>92</v>
      </c>
      <c r="H48" s="20"/>
      <c r="I48" s="16">
        <v>1528</v>
      </c>
      <c r="J48" s="22">
        <v>580</v>
      </c>
      <c r="K48" s="22">
        <v>948</v>
      </c>
    </row>
    <row r="49" spans="1:11" ht="15" customHeight="1">
      <c r="A49" s="20" t="s">
        <v>93</v>
      </c>
      <c r="B49" s="20"/>
      <c r="C49" s="16">
        <v>2194</v>
      </c>
      <c r="D49" s="22">
        <v>1166</v>
      </c>
      <c r="E49" s="22">
        <v>1028</v>
      </c>
      <c r="F49" s="22"/>
      <c r="G49" s="21" t="s">
        <v>94</v>
      </c>
      <c r="H49" s="20"/>
      <c r="I49" s="16">
        <v>1374</v>
      </c>
      <c r="J49" s="22">
        <v>507</v>
      </c>
      <c r="K49" s="22">
        <v>867</v>
      </c>
    </row>
    <row r="50" spans="1:11" ht="15" customHeight="1">
      <c r="A50" s="20" t="s">
        <v>95</v>
      </c>
      <c r="B50" s="20"/>
      <c r="C50" s="16">
        <v>2172</v>
      </c>
      <c r="D50" s="22">
        <v>1077</v>
      </c>
      <c r="E50" s="22">
        <v>1095</v>
      </c>
      <c r="F50" s="22"/>
      <c r="G50" s="21" t="s">
        <v>96</v>
      </c>
      <c r="H50" s="20"/>
      <c r="I50" s="16">
        <v>1367</v>
      </c>
      <c r="J50" s="22">
        <v>499</v>
      </c>
      <c r="K50" s="22">
        <v>868</v>
      </c>
    </row>
    <row r="51" spans="1:11" ht="15" customHeight="1">
      <c r="A51" s="20" t="s">
        <v>97</v>
      </c>
      <c r="B51" s="20"/>
      <c r="C51" s="16">
        <v>2378</v>
      </c>
      <c r="D51" s="22">
        <v>1215</v>
      </c>
      <c r="E51" s="22">
        <v>1163</v>
      </c>
      <c r="F51" s="22"/>
      <c r="G51" s="21" t="s">
        <v>98</v>
      </c>
      <c r="H51" s="20"/>
      <c r="I51" s="16">
        <v>1115</v>
      </c>
      <c r="J51" s="22">
        <v>362</v>
      </c>
      <c r="K51" s="22">
        <v>753</v>
      </c>
    </row>
    <row r="52" spans="1:11" ht="15" customHeight="1">
      <c r="A52" s="20" t="s">
        <v>99</v>
      </c>
      <c r="B52" s="20"/>
      <c r="C52" s="16">
        <v>2368</v>
      </c>
      <c r="D52" s="22">
        <v>1254</v>
      </c>
      <c r="E52" s="22">
        <v>1114</v>
      </c>
      <c r="F52" s="22"/>
      <c r="G52" s="21" t="s">
        <v>100</v>
      </c>
      <c r="H52" s="20"/>
      <c r="I52" s="16">
        <v>989</v>
      </c>
      <c r="J52" s="22">
        <v>338</v>
      </c>
      <c r="K52" s="22">
        <v>651</v>
      </c>
    </row>
    <row r="53" spans="1:11" ht="20.100000000000001" customHeight="1">
      <c r="A53" s="20" t="s">
        <v>101</v>
      </c>
      <c r="B53" s="20"/>
      <c r="C53" s="16">
        <v>12698</v>
      </c>
      <c r="D53" s="17">
        <v>6444</v>
      </c>
      <c r="E53" s="17">
        <v>6254</v>
      </c>
      <c r="F53" s="17"/>
      <c r="G53" s="21" t="s">
        <v>102</v>
      </c>
      <c r="H53" s="20"/>
      <c r="I53" s="16">
        <v>3020</v>
      </c>
      <c r="J53" s="17">
        <v>910</v>
      </c>
      <c r="K53" s="17">
        <v>2110</v>
      </c>
    </row>
    <row r="54" spans="1:11" ht="15" customHeight="1">
      <c r="A54" s="20" t="s">
        <v>103</v>
      </c>
      <c r="B54" s="20"/>
      <c r="C54" s="16">
        <v>2403</v>
      </c>
      <c r="D54" s="22">
        <v>1250</v>
      </c>
      <c r="E54" s="22">
        <v>1153</v>
      </c>
      <c r="F54" s="22"/>
      <c r="G54" s="21" t="s">
        <v>104</v>
      </c>
      <c r="H54" s="20"/>
      <c r="I54" s="16">
        <v>865</v>
      </c>
      <c r="J54" s="22">
        <v>272</v>
      </c>
      <c r="K54" s="22">
        <v>593</v>
      </c>
    </row>
    <row r="55" spans="1:11" ht="15" customHeight="1">
      <c r="A55" s="20" t="s">
        <v>105</v>
      </c>
      <c r="B55" s="20"/>
      <c r="C55" s="16">
        <v>2503</v>
      </c>
      <c r="D55" s="22">
        <v>1254</v>
      </c>
      <c r="E55" s="22">
        <v>1249</v>
      </c>
      <c r="F55" s="22"/>
      <c r="G55" s="21" t="s">
        <v>106</v>
      </c>
      <c r="H55" s="20"/>
      <c r="I55" s="16">
        <v>688</v>
      </c>
      <c r="J55" s="22">
        <v>215</v>
      </c>
      <c r="K55" s="22">
        <v>473</v>
      </c>
    </row>
    <row r="56" spans="1:11" ht="15" customHeight="1">
      <c r="A56" s="20" t="s">
        <v>107</v>
      </c>
      <c r="B56" s="20"/>
      <c r="C56" s="16">
        <v>2498</v>
      </c>
      <c r="D56" s="22">
        <v>1238</v>
      </c>
      <c r="E56" s="22">
        <v>1260</v>
      </c>
      <c r="F56" s="22"/>
      <c r="G56" s="21" t="s">
        <v>108</v>
      </c>
      <c r="H56" s="20"/>
      <c r="I56" s="16">
        <v>609</v>
      </c>
      <c r="J56" s="22">
        <v>186</v>
      </c>
      <c r="K56" s="22">
        <v>423</v>
      </c>
    </row>
    <row r="57" spans="1:11" ht="15" customHeight="1">
      <c r="A57" s="20" t="s">
        <v>109</v>
      </c>
      <c r="B57" s="20"/>
      <c r="C57" s="16">
        <v>2556</v>
      </c>
      <c r="D57" s="22">
        <v>1292</v>
      </c>
      <c r="E57" s="22">
        <v>1264</v>
      </c>
      <c r="F57" s="22"/>
      <c r="G57" s="21" t="s">
        <v>110</v>
      </c>
      <c r="H57" s="20"/>
      <c r="I57" s="16">
        <v>431</v>
      </c>
      <c r="J57" s="22">
        <v>132</v>
      </c>
      <c r="K57" s="22">
        <v>299</v>
      </c>
    </row>
    <row r="58" spans="1:11" ht="15" customHeight="1">
      <c r="A58" s="20" t="s">
        <v>111</v>
      </c>
      <c r="B58" s="20"/>
      <c r="C58" s="16">
        <v>2738</v>
      </c>
      <c r="D58" s="22">
        <v>1410</v>
      </c>
      <c r="E58" s="22">
        <v>1328</v>
      </c>
      <c r="F58" s="22"/>
      <c r="G58" s="21" t="s">
        <v>112</v>
      </c>
      <c r="H58" s="20"/>
      <c r="I58" s="16">
        <v>427</v>
      </c>
      <c r="J58" s="22">
        <v>105</v>
      </c>
      <c r="K58" s="22">
        <v>322</v>
      </c>
    </row>
    <row r="59" spans="1:11" ht="20.100000000000001" customHeight="1">
      <c r="A59" s="20" t="s">
        <v>113</v>
      </c>
      <c r="B59" s="20"/>
      <c r="C59" s="16">
        <v>14802</v>
      </c>
      <c r="D59" s="17">
        <v>7549</v>
      </c>
      <c r="E59" s="17">
        <v>7253</v>
      </c>
      <c r="F59" s="17"/>
      <c r="G59" s="21" t="s">
        <v>114</v>
      </c>
      <c r="H59" s="20"/>
      <c r="I59" s="16">
        <v>786</v>
      </c>
      <c r="J59" s="17">
        <v>187</v>
      </c>
      <c r="K59" s="17">
        <v>599</v>
      </c>
    </row>
    <row r="60" spans="1:11" ht="15" customHeight="1">
      <c r="A60" s="20" t="s">
        <v>115</v>
      </c>
      <c r="B60" s="20"/>
      <c r="C60" s="16">
        <v>2710</v>
      </c>
      <c r="D60" s="22">
        <v>1388</v>
      </c>
      <c r="E60" s="22">
        <v>1322</v>
      </c>
      <c r="F60" s="22"/>
      <c r="G60" s="21" t="s">
        <v>116</v>
      </c>
      <c r="H60" s="20"/>
      <c r="I60" s="16">
        <v>278</v>
      </c>
      <c r="J60" s="22">
        <v>76</v>
      </c>
      <c r="K60" s="22">
        <v>202</v>
      </c>
    </row>
    <row r="61" spans="1:11" ht="15" customHeight="1">
      <c r="A61" s="20" t="s">
        <v>117</v>
      </c>
      <c r="B61" s="20"/>
      <c r="C61" s="16">
        <v>2836</v>
      </c>
      <c r="D61" s="22">
        <v>1438</v>
      </c>
      <c r="E61" s="22">
        <v>1398</v>
      </c>
      <c r="F61" s="22"/>
      <c r="G61" s="21" t="s">
        <v>118</v>
      </c>
      <c r="H61" s="20"/>
      <c r="I61" s="16">
        <v>207</v>
      </c>
      <c r="J61" s="22">
        <v>58</v>
      </c>
      <c r="K61" s="22">
        <v>149</v>
      </c>
    </row>
    <row r="62" spans="1:11" ht="15" customHeight="1">
      <c r="A62" s="20" t="s">
        <v>119</v>
      </c>
      <c r="B62" s="20"/>
      <c r="C62" s="16">
        <v>2877</v>
      </c>
      <c r="D62" s="22">
        <v>1472</v>
      </c>
      <c r="E62" s="22">
        <v>1405</v>
      </c>
      <c r="F62" s="22"/>
      <c r="G62" s="21" t="s">
        <v>120</v>
      </c>
      <c r="H62" s="20"/>
      <c r="I62" s="16">
        <v>159</v>
      </c>
      <c r="J62" s="22">
        <v>33</v>
      </c>
      <c r="K62" s="22">
        <v>126</v>
      </c>
    </row>
    <row r="63" spans="1:11" ht="15" customHeight="1">
      <c r="A63" s="20" t="s">
        <v>121</v>
      </c>
      <c r="B63" s="20"/>
      <c r="C63" s="16">
        <v>3146</v>
      </c>
      <c r="D63" s="22">
        <v>1603</v>
      </c>
      <c r="E63" s="22">
        <v>1543</v>
      </c>
      <c r="F63" s="22"/>
      <c r="G63" s="21" t="s">
        <v>122</v>
      </c>
      <c r="H63" s="20"/>
      <c r="I63" s="16">
        <v>97</v>
      </c>
      <c r="J63" s="22">
        <v>12</v>
      </c>
      <c r="K63" s="22">
        <v>85</v>
      </c>
    </row>
    <row r="64" spans="1:11" ht="15" customHeight="1">
      <c r="A64" s="20" t="s">
        <v>123</v>
      </c>
      <c r="B64" s="20"/>
      <c r="C64" s="16">
        <v>3233</v>
      </c>
      <c r="D64" s="22">
        <v>1648</v>
      </c>
      <c r="E64" s="22">
        <v>1585</v>
      </c>
      <c r="F64" s="22"/>
      <c r="G64" s="21" t="s">
        <v>124</v>
      </c>
      <c r="H64" s="20"/>
      <c r="I64" s="16">
        <v>45</v>
      </c>
      <c r="J64" s="22">
        <v>8</v>
      </c>
      <c r="K64" s="22">
        <v>37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123</v>
      </c>
      <c r="J65" s="22">
        <v>21</v>
      </c>
      <c r="K65" s="22">
        <v>102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6281</v>
      </c>
      <c r="J66" s="32">
        <v>2799</v>
      </c>
      <c r="K66" s="32">
        <v>3482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>
    <pageSetUpPr fitToPage="1"/>
  </sheetPr>
  <dimension ref="A1:K79"/>
  <sheetViews>
    <sheetView zoomScale="75" zoomScaleNormal="75" workbookViewId="0"/>
  </sheetViews>
  <sheetFormatPr defaultRowHeight="13.5"/>
  <cols>
    <col min="1" max="1" width="9.25" style="6" customWidth="1"/>
    <col min="2" max="2" width="0.875" style="6" customWidth="1"/>
    <col min="3" max="5" width="13.75" style="6" customWidth="1"/>
    <col min="6" max="6" width="0.875" style="6" customWidth="1"/>
    <col min="7" max="7" width="9.25" style="6" customWidth="1"/>
    <col min="8" max="8" width="0.875" style="6" customWidth="1"/>
    <col min="9" max="11" width="13.75" style="6" customWidth="1"/>
    <col min="12" max="18" width="9" style="6" customWidth="1"/>
    <col min="19" max="16384" width="9" style="6"/>
  </cols>
  <sheetData>
    <row r="1" spans="1:11" ht="24" customHeight="1">
      <c r="A1" s="3" t="s">
        <v>0</v>
      </c>
      <c r="B1" s="4"/>
      <c r="C1" s="5"/>
      <c r="D1" s="5"/>
      <c r="E1" s="5"/>
      <c r="F1" s="5"/>
      <c r="G1" s="5"/>
      <c r="H1" s="5"/>
      <c r="I1" s="5"/>
      <c r="J1" s="5"/>
      <c r="K1" s="5"/>
    </row>
    <row r="2" spans="1:11" ht="26.1" customHeight="1">
      <c r="A2" s="7" t="s">
        <v>166</v>
      </c>
      <c r="B2" s="7"/>
      <c r="C2" s="10"/>
      <c r="D2" s="10"/>
      <c r="E2" s="10"/>
      <c r="F2" s="10"/>
      <c r="G2" s="10"/>
      <c r="H2" s="10"/>
      <c r="I2" s="11" t="s">
        <v>193</v>
      </c>
      <c r="J2" s="12"/>
      <c r="K2" s="12"/>
    </row>
    <row r="3" spans="1:11" ht="15" customHeight="1">
      <c r="A3" s="13" t="s">
        <v>1</v>
      </c>
      <c r="B3" s="13"/>
      <c r="C3" s="14" t="s">
        <v>2</v>
      </c>
      <c r="D3" s="14" t="s">
        <v>3</v>
      </c>
      <c r="E3" s="14" t="s">
        <v>4</v>
      </c>
      <c r="F3" s="13"/>
      <c r="G3" s="15" t="s">
        <v>1</v>
      </c>
      <c r="H3" s="13"/>
      <c r="I3" s="14" t="s">
        <v>2</v>
      </c>
      <c r="J3" s="14" t="s">
        <v>3</v>
      </c>
      <c r="K3" s="14" t="s">
        <v>4</v>
      </c>
    </row>
    <row r="4" spans="1:11" ht="20.100000000000001" customHeight="1">
      <c r="A4" s="1" t="s">
        <v>2</v>
      </c>
      <c r="B4" s="1"/>
      <c r="C4" s="16">
        <v>165450</v>
      </c>
      <c r="D4" s="17">
        <v>81371</v>
      </c>
      <c r="E4" s="17">
        <v>84079</v>
      </c>
      <c r="F4" s="17"/>
      <c r="G4" s="18"/>
      <c r="H4" s="1"/>
      <c r="I4" s="19"/>
      <c r="J4" s="1"/>
      <c r="K4" s="1"/>
    </row>
    <row r="5" spans="1:11" ht="20.100000000000001" customHeight="1">
      <c r="A5" s="20" t="s">
        <v>5</v>
      </c>
      <c r="B5" s="20"/>
      <c r="C5" s="16">
        <v>5311</v>
      </c>
      <c r="D5" s="17">
        <v>2660</v>
      </c>
      <c r="E5" s="17">
        <v>2651</v>
      </c>
      <c r="F5" s="17"/>
      <c r="G5" s="21" t="s">
        <v>6</v>
      </c>
      <c r="H5" s="20"/>
      <c r="I5" s="16">
        <v>13282</v>
      </c>
      <c r="J5" s="17">
        <v>6734</v>
      </c>
      <c r="K5" s="17">
        <v>6548</v>
      </c>
    </row>
    <row r="6" spans="1:11" ht="15" customHeight="1">
      <c r="A6" s="20" t="s">
        <v>7</v>
      </c>
      <c r="B6" s="20"/>
      <c r="C6" s="16">
        <v>987</v>
      </c>
      <c r="D6" s="22">
        <v>503</v>
      </c>
      <c r="E6" s="22">
        <v>484</v>
      </c>
      <c r="F6" s="22"/>
      <c r="G6" s="21" t="s">
        <v>8</v>
      </c>
      <c r="H6" s="20"/>
      <c r="I6" s="16">
        <v>2822</v>
      </c>
      <c r="J6" s="22">
        <v>1400</v>
      </c>
      <c r="K6" s="22">
        <v>1422</v>
      </c>
    </row>
    <row r="7" spans="1:11" ht="15" customHeight="1">
      <c r="A7" s="20" t="s">
        <v>9</v>
      </c>
      <c r="B7" s="20"/>
      <c r="C7" s="16">
        <v>1068</v>
      </c>
      <c r="D7" s="22">
        <v>521</v>
      </c>
      <c r="E7" s="22">
        <v>547</v>
      </c>
      <c r="F7" s="22"/>
      <c r="G7" s="21" t="s">
        <v>10</v>
      </c>
      <c r="H7" s="20"/>
      <c r="I7" s="16">
        <v>2721</v>
      </c>
      <c r="J7" s="22">
        <v>1400</v>
      </c>
      <c r="K7" s="22">
        <v>1321</v>
      </c>
    </row>
    <row r="8" spans="1:11" ht="15" customHeight="1">
      <c r="A8" s="20" t="s">
        <v>11</v>
      </c>
      <c r="B8" s="20"/>
      <c r="C8" s="16">
        <v>1040</v>
      </c>
      <c r="D8" s="22">
        <v>528</v>
      </c>
      <c r="E8" s="22">
        <v>512</v>
      </c>
      <c r="F8" s="22"/>
      <c r="G8" s="21" t="s">
        <v>12</v>
      </c>
      <c r="H8" s="20"/>
      <c r="I8" s="16">
        <v>2648</v>
      </c>
      <c r="J8" s="22">
        <v>1406</v>
      </c>
      <c r="K8" s="22">
        <v>1242</v>
      </c>
    </row>
    <row r="9" spans="1:11" ht="15" customHeight="1">
      <c r="A9" s="20" t="s">
        <v>13</v>
      </c>
      <c r="B9" s="20"/>
      <c r="C9" s="16">
        <v>1053</v>
      </c>
      <c r="D9" s="22">
        <v>510</v>
      </c>
      <c r="E9" s="22">
        <v>543</v>
      </c>
      <c r="F9" s="22"/>
      <c r="G9" s="21" t="s">
        <v>14</v>
      </c>
      <c r="H9" s="20"/>
      <c r="I9" s="16">
        <v>2554</v>
      </c>
      <c r="J9" s="22">
        <v>1269</v>
      </c>
      <c r="K9" s="22">
        <v>1285</v>
      </c>
    </row>
    <row r="10" spans="1:11" ht="15" customHeight="1">
      <c r="A10" s="20" t="s">
        <v>15</v>
      </c>
      <c r="B10" s="20"/>
      <c r="C10" s="16">
        <v>1163</v>
      </c>
      <c r="D10" s="22">
        <v>598</v>
      </c>
      <c r="E10" s="22">
        <v>565</v>
      </c>
      <c r="F10" s="22"/>
      <c r="G10" s="21" t="s">
        <v>16</v>
      </c>
      <c r="H10" s="20"/>
      <c r="I10" s="16">
        <v>2537</v>
      </c>
      <c r="J10" s="22">
        <v>1259</v>
      </c>
      <c r="K10" s="22">
        <v>1278</v>
      </c>
    </row>
    <row r="11" spans="1:11" ht="20.100000000000001" customHeight="1">
      <c r="A11" s="20" t="s">
        <v>17</v>
      </c>
      <c r="B11" s="20"/>
      <c r="C11" s="16">
        <v>6308</v>
      </c>
      <c r="D11" s="17">
        <v>3257</v>
      </c>
      <c r="E11" s="17">
        <v>3051</v>
      </c>
      <c r="F11" s="17"/>
      <c r="G11" s="21" t="s">
        <v>18</v>
      </c>
      <c r="H11" s="20"/>
      <c r="I11" s="16">
        <v>11246</v>
      </c>
      <c r="J11" s="17">
        <v>5656</v>
      </c>
      <c r="K11" s="17">
        <v>5590</v>
      </c>
    </row>
    <row r="12" spans="1:11" ht="15" customHeight="1">
      <c r="A12" s="20" t="s">
        <v>19</v>
      </c>
      <c r="B12" s="20"/>
      <c r="C12" s="16">
        <v>1217</v>
      </c>
      <c r="D12" s="22">
        <v>623</v>
      </c>
      <c r="E12" s="22">
        <v>594</v>
      </c>
      <c r="F12" s="22"/>
      <c r="G12" s="21" t="s">
        <v>20</v>
      </c>
      <c r="H12" s="20"/>
      <c r="I12" s="16">
        <v>2592</v>
      </c>
      <c r="J12" s="22">
        <v>1275</v>
      </c>
      <c r="K12" s="22">
        <v>1317</v>
      </c>
    </row>
    <row r="13" spans="1:11" ht="15" customHeight="1">
      <c r="A13" s="20" t="s">
        <v>21</v>
      </c>
      <c r="B13" s="20"/>
      <c r="C13" s="16">
        <v>1227</v>
      </c>
      <c r="D13" s="22">
        <v>615</v>
      </c>
      <c r="E13" s="22">
        <v>612</v>
      </c>
      <c r="F13" s="22"/>
      <c r="G13" s="21" t="s">
        <v>22</v>
      </c>
      <c r="H13" s="20"/>
      <c r="I13" s="16">
        <v>1812</v>
      </c>
      <c r="J13" s="22">
        <v>938</v>
      </c>
      <c r="K13" s="22">
        <v>874</v>
      </c>
    </row>
    <row r="14" spans="1:11" ht="15" customHeight="1">
      <c r="A14" s="20" t="s">
        <v>23</v>
      </c>
      <c r="B14" s="20"/>
      <c r="C14" s="16">
        <v>1290</v>
      </c>
      <c r="D14" s="22">
        <v>657</v>
      </c>
      <c r="E14" s="22">
        <v>633</v>
      </c>
      <c r="F14" s="22"/>
      <c r="G14" s="21" t="s">
        <v>24</v>
      </c>
      <c r="H14" s="20"/>
      <c r="I14" s="16">
        <v>2413</v>
      </c>
      <c r="J14" s="22">
        <v>1227</v>
      </c>
      <c r="K14" s="22">
        <v>1186</v>
      </c>
    </row>
    <row r="15" spans="1:11" ht="15" customHeight="1">
      <c r="A15" s="20" t="s">
        <v>25</v>
      </c>
      <c r="B15" s="20"/>
      <c r="C15" s="16">
        <v>1273</v>
      </c>
      <c r="D15" s="22">
        <v>681</v>
      </c>
      <c r="E15" s="22">
        <v>592</v>
      </c>
      <c r="F15" s="22"/>
      <c r="G15" s="21" t="s">
        <v>26</v>
      </c>
      <c r="H15" s="20"/>
      <c r="I15" s="16">
        <v>2224</v>
      </c>
      <c r="J15" s="22">
        <v>1097</v>
      </c>
      <c r="K15" s="22">
        <v>1127</v>
      </c>
    </row>
    <row r="16" spans="1:11" ht="15" customHeight="1">
      <c r="A16" s="20" t="s">
        <v>27</v>
      </c>
      <c r="B16" s="20"/>
      <c r="C16" s="16">
        <v>1301</v>
      </c>
      <c r="D16" s="22">
        <v>681</v>
      </c>
      <c r="E16" s="22">
        <v>620</v>
      </c>
      <c r="F16" s="22"/>
      <c r="G16" s="21" t="s">
        <v>28</v>
      </c>
      <c r="H16" s="20"/>
      <c r="I16" s="16">
        <v>2205</v>
      </c>
      <c r="J16" s="22">
        <v>1119</v>
      </c>
      <c r="K16" s="22">
        <v>1086</v>
      </c>
    </row>
    <row r="17" spans="1:11" ht="20.100000000000001" customHeight="1">
      <c r="A17" s="24" t="s">
        <v>29</v>
      </c>
      <c r="B17" s="24"/>
      <c r="C17" s="16">
        <v>6687</v>
      </c>
      <c r="D17" s="17">
        <v>3456</v>
      </c>
      <c r="E17" s="17">
        <v>3231</v>
      </c>
      <c r="F17" s="17"/>
      <c r="G17" s="21" t="s">
        <v>30</v>
      </c>
      <c r="H17" s="20"/>
      <c r="I17" s="16">
        <v>9673</v>
      </c>
      <c r="J17" s="17">
        <v>4773</v>
      </c>
      <c r="K17" s="17">
        <v>4900</v>
      </c>
    </row>
    <row r="18" spans="1:11" ht="15" customHeight="1">
      <c r="A18" s="20" t="s">
        <v>31</v>
      </c>
      <c r="B18" s="20"/>
      <c r="C18" s="16">
        <v>1366</v>
      </c>
      <c r="D18" s="22">
        <v>704</v>
      </c>
      <c r="E18" s="22">
        <v>662</v>
      </c>
      <c r="F18" s="22"/>
      <c r="G18" s="21" t="s">
        <v>32</v>
      </c>
      <c r="H18" s="20"/>
      <c r="I18" s="16">
        <v>2041</v>
      </c>
      <c r="J18" s="22">
        <v>1000</v>
      </c>
      <c r="K18" s="22">
        <v>1041</v>
      </c>
    </row>
    <row r="19" spans="1:11" ht="15" customHeight="1">
      <c r="A19" s="20" t="s">
        <v>33</v>
      </c>
      <c r="B19" s="20"/>
      <c r="C19" s="16">
        <v>1271</v>
      </c>
      <c r="D19" s="22">
        <v>672</v>
      </c>
      <c r="E19" s="22">
        <v>599</v>
      </c>
      <c r="F19" s="22"/>
      <c r="G19" s="21" t="s">
        <v>34</v>
      </c>
      <c r="H19" s="20"/>
      <c r="I19" s="16">
        <v>1989</v>
      </c>
      <c r="J19" s="22">
        <v>1006</v>
      </c>
      <c r="K19" s="22">
        <v>983</v>
      </c>
    </row>
    <row r="20" spans="1:11" ht="15" customHeight="1">
      <c r="A20" s="20" t="s">
        <v>35</v>
      </c>
      <c r="B20" s="20"/>
      <c r="C20" s="16">
        <v>1294</v>
      </c>
      <c r="D20" s="22">
        <v>655</v>
      </c>
      <c r="E20" s="22">
        <v>639</v>
      </c>
      <c r="F20" s="22"/>
      <c r="G20" s="21" t="s">
        <v>36</v>
      </c>
      <c r="H20" s="20"/>
      <c r="I20" s="16">
        <v>1967</v>
      </c>
      <c r="J20" s="22">
        <v>988</v>
      </c>
      <c r="K20" s="22">
        <v>979</v>
      </c>
    </row>
    <row r="21" spans="1:11" ht="15" customHeight="1">
      <c r="A21" s="20" t="s">
        <v>37</v>
      </c>
      <c r="B21" s="20"/>
      <c r="C21" s="16">
        <v>1351</v>
      </c>
      <c r="D21" s="22">
        <v>701</v>
      </c>
      <c r="E21" s="22">
        <v>650</v>
      </c>
      <c r="F21" s="22"/>
      <c r="G21" s="21" t="s">
        <v>38</v>
      </c>
      <c r="H21" s="20"/>
      <c r="I21" s="16">
        <v>1820</v>
      </c>
      <c r="J21" s="22">
        <v>870</v>
      </c>
      <c r="K21" s="22">
        <v>950</v>
      </c>
    </row>
    <row r="22" spans="1:11" ht="15" customHeight="1">
      <c r="A22" s="20" t="s">
        <v>39</v>
      </c>
      <c r="B22" s="20"/>
      <c r="C22" s="16">
        <v>1405</v>
      </c>
      <c r="D22" s="22">
        <v>724</v>
      </c>
      <c r="E22" s="22">
        <v>681</v>
      </c>
      <c r="F22" s="22"/>
      <c r="G22" s="21" t="s">
        <v>40</v>
      </c>
      <c r="H22" s="20"/>
      <c r="I22" s="16">
        <v>1856</v>
      </c>
      <c r="J22" s="22">
        <v>909</v>
      </c>
      <c r="K22" s="22">
        <v>947</v>
      </c>
    </row>
    <row r="23" spans="1:11" ht="20.100000000000001" customHeight="1">
      <c r="A23" s="20" t="s">
        <v>41</v>
      </c>
      <c r="B23" s="20"/>
      <c r="C23" s="16">
        <v>6450</v>
      </c>
      <c r="D23" s="17">
        <v>3367</v>
      </c>
      <c r="E23" s="17">
        <v>3083</v>
      </c>
      <c r="F23" s="17"/>
      <c r="G23" s="21" t="s">
        <v>42</v>
      </c>
      <c r="H23" s="20"/>
      <c r="I23" s="16">
        <v>8881</v>
      </c>
      <c r="J23" s="17">
        <v>4310</v>
      </c>
      <c r="K23" s="17">
        <v>4571</v>
      </c>
    </row>
    <row r="24" spans="1:11" ht="15" customHeight="1">
      <c r="A24" s="20" t="s">
        <v>43</v>
      </c>
      <c r="B24" s="20"/>
      <c r="C24" s="16">
        <v>1298</v>
      </c>
      <c r="D24" s="22">
        <v>670</v>
      </c>
      <c r="E24" s="22">
        <v>628</v>
      </c>
      <c r="F24" s="22"/>
      <c r="G24" s="21" t="s">
        <v>44</v>
      </c>
      <c r="H24" s="20"/>
      <c r="I24" s="16">
        <v>1771</v>
      </c>
      <c r="J24" s="22">
        <v>860</v>
      </c>
      <c r="K24" s="22">
        <v>911</v>
      </c>
    </row>
    <row r="25" spans="1:11" ht="15" customHeight="1">
      <c r="A25" s="20" t="s">
        <v>45</v>
      </c>
      <c r="B25" s="20"/>
      <c r="C25" s="16">
        <v>1260</v>
      </c>
      <c r="D25" s="22">
        <v>648</v>
      </c>
      <c r="E25" s="22">
        <v>612</v>
      </c>
      <c r="F25" s="22"/>
      <c r="G25" s="21" t="s">
        <v>46</v>
      </c>
      <c r="H25" s="20"/>
      <c r="I25" s="16">
        <v>1741</v>
      </c>
      <c r="J25" s="22">
        <v>847</v>
      </c>
      <c r="K25" s="22">
        <v>894</v>
      </c>
    </row>
    <row r="26" spans="1:11" ht="15" customHeight="1">
      <c r="A26" s="20" t="s">
        <v>47</v>
      </c>
      <c r="B26" s="20"/>
      <c r="C26" s="16">
        <v>1252</v>
      </c>
      <c r="D26" s="22">
        <v>638</v>
      </c>
      <c r="E26" s="22">
        <v>614</v>
      </c>
      <c r="F26" s="22"/>
      <c r="G26" s="21" t="s">
        <v>48</v>
      </c>
      <c r="H26" s="20"/>
      <c r="I26" s="16">
        <v>1841</v>
      </c>
      <c r="J26" s="22">
        <v>932</v>
      </c>
      <c r="K26" s="22">
        <v>909</v>
      </c>
    </row>
    <row r="27" spans="1:11" ht="15" customHeight="1">
      <c r="A27" s="20" t="s">
        <v>49</v>
      </c>
      <c r="B27" s="20"/>
      <c r="C27" s="16">
        <v>1287</v>
      </c>
      <c r="D27" s="22">
        <v>684</v>
      </c>
      <c r="E27" s="22">
        <v>603</v>
      </c>
      <c r="F27" s="22"/>
      <c r="G27" s="21" t="s">
        <v>50</v>
      </c>
      <c r="H27" s="20"/>
      <c r="I27" s="16">
        <v>1693</v>
      </c>
      <c r="J27" s="22">
        <v>839</v>
      </c>
      <c r="K27" s="22">
        <v>854</v>
      </c>
    </row>
    <row r="28" spans="1:11" ht="15" customHeight="1">
      <c r="A28" s="20" t="s">
        <v>51</v>
      </c>
      <c r="B28" s="20"/>
      <c r="C28" s="16">
        <v>1353</v>
      </c>
      <c r="D28" s="22">
        <v>727</v>
      </c>
      <c r="E28" s="22">
        <v>626</v>
      </c>
      <c r="F28" s="22"/>
      <c r="G28" s="21" t="s">
        <v>52</v>
      </c>
      <c r="H28" s="20"/>
      <c r="I28" s="16">
        <v>1835</v>
      </c>
      <c r="J28" s="22">
        <v>832</v>
      </c>
      <c r="K28" s="22">
        <v>1003</v>
      </c>
    </row>
    <row r="29" spans="1:11" ht="20.100000000000001" customHeight="1">
      <c r="A29" s="20" t="s">
        <v>53</v>
      </c>
      <c r="B29" s="20"/>
      <c r="C29" s="16">
        <v>7470</v>
      </c>
      <c r="D29" s="17">
        <v>3766</v>
      </c>
      <c r="E29" s="17">
        <v>3704</v>
      </c>
      <c r="F29" s="17"/>
      <c r="G29" s="21" t="s">
        <v>54</v>
      </c>
      <c r="H29" s="20"/>
      <c r="I29" s="16">
        <v>11354</v>
      </c>
      <c r="J29" s="17">
        <v>5332</v>
      </c>
      <c r="K29" s="17">
        <v>6022</v>
      </c>
    </row>
    <row r="30" spans="1:11" ht="15" customHeight="1">
      <c r="A30" s="20" t="s">
        <v>55</v>
      </c>
      <c r="B30" s="20"/>
      <c r="C30" s="16">
        <v>1412</v>
      </c>
      <c r="D30" s="22">
        <v>706</v>
      </c>
      <c r="E30" s="22">
        <v>706</v>
      </c>
      <c r="F30" s="22"/>
      <c r="G30" s="21" t="s">
        <v>56</v>
      </c>
      <c r="H30" s="20"/>
      <c r="I30" s="16">
        <v>2094</v>
      </c>
      <c r="J30" s="22">
        <v>1018</v>
      </c>
      <c r="K30" s="22">
        <v>1076</v>
      </c>
    </row>
    <row r="31" spans="1:11" ht="15" customHeight="1">
      <c r="A31" s="20" t="s">
        <v>57</v>
      </c>
      <c r="B31" s="20"/>
      <c r="C31" s="16">
        <v>1475</v>
      </c>
      <c r="D31" s="22">
        <v>744</v>
      </c>
      <c r="E31" s="22">
        <v>731</v>
      </c>
      <c r="F31" s="22"/>
      <c r="G31" s="21" t="s">
        <v>58</v>
      </c>
      <c r="H31" s="20"/>
      <c r="I31" s="16">
        <v>2059</v>
      </c>
      <c r="J31" s="22">
        <v>950</v>
      </c>
      <c r="K31" s="22">
        <v>1109</v>
      </c>
    </row>
    <row r="32" spans="1:11" ht="15" customHeight="1">
      <c r="A32" s="20" t="s">
        <v>59</v>
      </c>
      <c r="B32" s="20"/>
      <c r="C32" s="16">
        <v>1493</v>
      </c>
      <c r="D32" s="22">
        <v>733</v>
      </c>
      <c r="E32" s="22">
        <v>760</v>
      </c>
      <c r="F32" s="22"/>
      <c r="G32" s="21" t="s">
        <v>60</v>
      </c>
      <c r="H32" s="20"/>
      <c r="I32" s="16">
        <v>2188</v>
      </c>
      <c r="J32" s="22">
        <v>1039</v>
      </c>
      <c r="K32" s="22">
        <v>1149</v>
      </c>
    </row>
    <row r="33" spans="1:11" ht="15" customHeight="1">
      <c r="A33" s="20" t="s">
        <v>61</v>
      </c>
      <c r="B33" s="20"/>
      <c r="C33" s="16">
        <v>1563</v>
      </c>
      <c r="D33" s="22">
        <v>790</v>
      </c>
      <c r="E33" s="22">
        <v>773</v>
      </c>
      <c r="F33" s="22"/>
      <c r="G33" s="21" t="s">
        <v>62</v>
      </c>
      <c r="H33" s="20"/>
      <c r="I33" s="16">
        <v>2521</v>
      </c>
      <c r="J33" s="22">
        <v>1184</v>
      </c>
      <c r="K33" s="22">
        <v>1337</v>
      </c>
    </row>
    <row r="34" spans="1:11" ht="15" customHeight="1">
      <c r="A34" s="20" t="s">
        <v>63</v>
      </c>
      <c r="B34" s="20"/>
      <c r="C34" s="16">
        <v>1527</v>
      </c>
      <c r="D34" s="22">
        <v>793</v>
      </c>
      <c r="E34" s="22">
        <v>734</v>
      </c>
      <c r="F34" s="22"/>
      <c r="G34" s="21" t="s">
        <v>64</v>
      </c>
      <c r="H34" s="20"/>
      <c r="I34" s="16">
        <v>2492</v>
      </c>
      <c r="J34" s="22">
        <v>1141</v>
      </c>
      <c r="K34" s="22">
        <v>1351</v>
      </c>
    </row>
    <row r="35" spans="1:11" ht="20.100000000000001" customHeight="1">
      <c r="A35" s="20" t="s">
        <v>65</v>
      </c>
      <c r="B35" s="20"/>
      <c r="C35" s="16">
        <v>7362</v>
      </c>
      <c r="D35" s="17">
        <v>3821</v>
      </c>
      <c r="E35" s="17">
        <v>3541</v>
      </c>
      <c r="F35" s="17"/>
      <c r="G35" s="21" t="s">
        <v>66</v>
      </c>
      <c r="H35" s="20"/>
      <c r="I35" s="16">
        <v>9464</v>
      </c>
      <c r="J35" s="17">
        <v>4228</v>
      </c>
      <c r="K35" s="17">
        <v>5236</v>
      </c>
    </row>
    <row r="36" spans="1:11" ht="15" customHeight="1">
      <c r="A36" s="20" t="s">
        <v>67</v>
      </c>
      <c r="B36" s="20"/>
      <c r="C36" s="16">
        <v>1510</v>
      </c>
      <c r="D36" s="22">
        <v>766</v>
      </c>
      <c r="E36" s="22">
        <v>744</v>
      </c>
      <c r="F36" s="22"/>
      <c r="G36" s="21" t="s">
        <v>68</v>
      </c>
      <c r="H36" s="20"/>
      <c r="I36" s="16">
        <v>2452</v>
      </c>
      <c r="J36" s="22">
        <v>1148</v>
      </c>
      <c r="K36" s="22">
        <v>1304</v>
      </c>
    </row>
    <row r="37" spans="1:11" ht="15" customHeight="1">
      <c r="A37" s="20" t="s">
        <v>69</v>
      </c>
      <c r="B37" s="20"/>
      <c r="C37" s="16">
        <v>1488</v>
      </c>
      <c r="D37" s="22">
        <v>781</v>
      </c>
      <c r="E37" s="22">
        <v>707</v>
      </c>
      <c r="F37" s="22"/>
      <c r="G37" s="21" t="s">
        <v>70</v>
      </c>
      <c r="H37" s="20"/>
      <c r="I37" s="16">
        <v>1764</v>
      </c>
      <c r="J37" s="22">
        <v>817</v>
      </c>
      <c r="K37" s="22">
        <v>947</v>
      </c>
    </row>
    <row r="38" spans="1:11" ht="15" customHeight="1">
      <c r="A38" s="20" t="s">
        <v>71</v>
      </c>
      <c r="B38" s="20"/>
      <c r="C38" s="16">
        <v>1490</v>
      </c>
      <c r="D38" s="22">
        <v>803</v>
      </c>
      <c r="E38" s="22">
        <v>687</v>
      </c>
      <c r="F38" s="22"/>
      <c r="G38" s="21" t="s">
        <v>72</v>
      </c>
      <c r="H38" s="20"/>
      <c r="I38" s="16">
        <v>1496</v>
      </c>
      <c r="J38" s="22">
        <v>661</v>
      </c>
      <c r="K38" s="22">
        <v>835</v>
      </c>
    </row>
    <row r="39" spans="1:11" ht="15" customHeight="1">
      <c r="A39" s="20" t="s">
        <v>73</v>
      </c>
      <c r="B39" s="20"/>
      <c r="C39" s="16">
        <v>1526</v>
      </c>
      <c r="D39" s="22">
        <v>784</v>
      </c>
      <c r="E39" s="22">
        <v>742</v>
      </c>
      <c r="F39" s="22"/>
      <c r="G39" s="21" t="s">
        <v>74</v>
      </c>
      <c r="H39" s="20"/>
      <c r="I39" s="16">
        <v>1838</v>
      </c>
      <c r="J39" s="22">
        <v>795</v>
      </c>
      <c r="K39" s="22">
        <v>1043</v>
      </c>
    </row>
    <row r="40" spans="1:11" ht="15" customHeight="1">
      <c r="A40" s="20" t="s">
        <v>75</v>
      </c>
      <c r="B40" s="20"/>
      <c r="C40" s="16">
        <v>1348</v>
      </c>
      <c r="D40" s="22">
        <v>687</v>
      </c>
      <c r="E40" s="22">
        <v>661</v>
      </c>
      <c r="F40" s="22"/>
      <c r="G40" s="21" t="s">
        <v>76</v>
      </c>
      <c r="H40" s="20"/>
      <c r="I40" s="16">
        <v>1914</v>
      </c>
      <c r="J40" s="22">
        <v>807</v>
      </c>
      <c r="K40" s="22">
        <v>1107</v>
      </c>
    </row>
    <row r="41" spans="1:11" ht="20.100000000000001" customHeight="1">
      <c r="A41" s="20" t="s">
        <v>77</v>
      </c>
      <c r="B41" s="20"/>
      <c r="C41" s="16">
        <v>7527</v>
      </c>
      <c r="D41" s="17">
        <v>3886</v>
      </c>
      <c r="E41" s="17">
        <v>3641</v>
      </c>
      <c r="F41" s="17"/>
      <c r="G41" s="21" t="s">
        <v>78</v>
      </c>
      <c r="H41" s="20"/>
      <c r="I41" s="16">
        <v>7503</v>
      </c>
      <c r="J41" s="17">
        <v>3066</v>
      </c>
      <c r="K41" s="17">
        <v>4437</v>
      </c>
    </row>
    <row r="42" spans="1:11" ht="15" customHeight="1">
      <c r="A42" s="20" t="s">
        <v>79</v>
      </c>
      <c r="B42" s="20"/>
      <c r="C42" s="16">
        <v>1397</v>
      </c>
      <c r="D42" s="22">
        <v>732</v>
      </c>
      <c r="E42" s="22">
        <v>665</v>
      </c>
      <c r="F42" s="22"/>
      <c r="G42" s="21" t="s">
        <v>80</v>
      </c>
      <c r="H42" s="20"/>
      <c r="I42" s="16">
        <v>1771</v>
      </c>
      <c r="J42" s="22">
        <v>750</v>
      </c>
      <c r="K42" s="22">
        <v>1021</v>
      </c>
    </row>
    <row r="43" spans="1:11" ht="15" customHeight="1">
      <c r="A43" s="20" t="s">
        <v>81</v>
      </c>
      <c r="B43" s="20"/>
      <c r="C43" s="16">
        <v>1483</v>
      </c>
      <c r="D43" s="22">
        <v>782</v>
      </c>
      <c r="E43" s="22">
        <v>701</v>
      </c>
      <c r="F43" s="22"/>
      <c r="G43" s="21" t="s">
        <v>82</v>
      </c>
      <c r="H43" s="20"/>
      <c r="I43" s="16">
        <v>1763</v>
      </c>
      <c r="J43" s="22">
        <v>734</v>
      </c>
      <c r="K43" s="22">
        <v>1029</v>
      </c>
    </row>
    <row r="44" spans="1:11" ht="15" customHeight="1">
      <c r="A44" s="20" t="s">
        <v>83</v>
      </c>
      <c r="B44" s="20"/>
      <c r="C44" s="16">
        <v>1513</v>
      </c>
      <c r="D44" s="22">
        <v>780</v>
      </c>
      <c r="E44" s="22">
        <v>733</v>
      </c>
      <c r="F44" s="22"/>
      <c r="G44" s="21" t="s">
        <v>84</v>
      </c>
      <c r="H44" s="20"/>
      <c r="I44" s="16">
        <v>1528</v>
      </c>
      <c r="J44" s="22">
        <v>615</v>
      </c>
      <c r="K44" s="22">
        <v>913</v>
      </c>
    </row>
    <row r="45" spans="1:11" ht="15" customHeight="1">
      <c r="A45" s="20" t="s">
        <v>85</v>
      </c>
      <c r="B45" s="20"/>
      <c r="C45" s="16">
        <v>1465</v>
      </c>
      <c r="D45" s="22">
        <v>737</v>
      </c>
      <c r="E45" s="22">
        <v>728</v>
      </c>
      <c r="F45" s="22"/>
      <c r="G45" s="21" t="s">
        <v>86</v>
      </c>
      <c r="H45" s="20"/>
      <c r="I45" s="16">
        <v>1366</v>
      </c>
      <c r="J45" s="22">
        <v>529</v>
      </c>
      <c r="K45" s="22">
        <v>837</v>
      </c>
    </row>
    <row r="46" spans="1:11" ht="15" customHeight="1">
      <c r="A46" s="20" t="s">
        <v>87</v>
      </c>
      <c r="B46" s="20"/>
      <c r="C46" s="16">
        <v>1669</v>
      </c>
      <c r="D46" s="22">
        <v>855</v>
      </c>
      <c r="E46" s="22">
        <v>814</v>
      </c>
      <c r="F46" s="22"/>
      <c r="G46" s="21" t="s">
        <v>88</v>
      </c>
      <c r="H46" s="20"/>
      <c r="I46" s="16">
        <v>1075</v>
      </c>
      <c r="J46" s="22">
        <v>438</v>
      </c>
      <c r="K46" s="22">
        <v>637</v>
      </c>
    </row>
    <row r="47" spans="1:11" ht="20.100000000000001" customHeight="1">
      <c r="A47" s="20" t="s">
        <v>89</v>
      </c>
      <c r="B47" s="20"/>
      <c r="C47" s="16">
        <v>9179</v>
      </c>
      <c r="D47" s="17">
        <v>4697</v>
      </c>
      <c r="E47" s="17">
        <v>4482</v>
      </c>
      <c r="F47" s="17"/>
      <c r="G47" s="21" t="s">
        <v>90</v>
      </c>
      <c r="H47" s="20"/>
      <c r="I47" s="16">
        <v>5023</v>
      </c>
      <c r="J47" s="17">
        <v>1863</v>
      </c>
      <c r="K47" s="17">
        <v>3160</v>
      </c>
    </row>
    <row r="48" spans="1:11" ht="15" customHeight="1">
      <c r="A48" s="20" t="s">
        <v>91</v>
      </c>
      <c r="B48" s="20"/>
      <c r="C48" s="16">
        <v>1687</v>
      </c>
      <c r="D48" s="22">
        <v>849</v>
      </c>
      <c r="E48" s="22">
        <v>838</v>
      </c>
      <c r="F48" s="22"/>
      <c r="G48" s="21" t="s">
        <v>92</v>
      </c>
      <c r="H48" s="20"/>
      <c r="I48" s="16">
        <v>1247</v>
      </c>
      <c r="J48" s="22">
        <v>484</v>
      </c>
      <c r="K48" s="22">
        <v>763</v>
      </c>
    </row>
    <row r="49" spans="1:11" ht="15" customHeight="1">
      <c r="A49" s="20" t="s">
        <v>93</v>
      </c>
      <c r="B49" s="20"/>
      <c r="C49" s="16">
        <v>1741</v>
      </c>
      <c r="D49" s="22">
        <v>921</v>
      </c>
      <c r="E49" s="22">
        <v>820</v>
      </c>
      <c r="F49" s="22"/>
      <c r="G49" s="21" t="s">
        <v>94</v>
      </c>
      <c r="H49" s="20"/>
      <c r="I49" s="16">
        <v>1120</v>
      </c>
      <c r="J49" s="22">
        <v>417</v>
      </c>
      <c r="K49" s="22">
        <v>703</v>
      </c>
    </row>
    <row r="50" spans="1:11" ht="15" customHeight="1">
      <c r="A50" s="20" t="s">
        <v>95</v>
      </c>
      <c r="B50" s="20"/>
      <c r="C50" s="16">
        <v>1784</v>
      </c>
      <c r="D50" s="22">
        <v>902</v>
      </c>
      <c r="E50" s="22">
        <v>882</v>
      </c>
      <c r="F50" s="22"/>
      <c r="G50" s="21" t="s">
        <v>96</v>
      </c>
      <c r="H50" s="20"/>
      <c r="I50" s="16">
        <v>1052</v>
      </c>
      <c r="J50" s="22">
        <v>385</v>
      </c>
      <c r="K50" s="22">
        <v>667</v>
      </c>
    </row>
    <row r="51" spans="1:11" ht="15" customHeight="1">
      <c r="A51" s="20" t="s">
        <v>97</v>
      </c>
      <c r="B51" s="20"/>
      <c r="C51" s="16">
        <v>1960</v>
      </c>
      <c r="D51" s="22">
        <v>980</v>
      </c>
      <c r="E51" s="22">
        <v>980</v>
      </c>
      <c r="F51" s="22"/>
      <c r="G51" s="21" t="s">
        <v>98</v>
      </c>
      <c r="H51" s="20"/>
      <c r="I51" s="16">
        <v>841</v>
      </c>
      <c r="J51" s="22">
        <v>311</v>
      </c>
      <c r="K51" s="22">
        <v>530</v>
      </c>
    </row>
    <row r="52" spans="1:11" ht="15" customHeight="1">
      <c r="A52" s="20" t="s">
        <v>99</v>
      </c>
      <c r="B52" s="20"/>
      <c r="C52" s="16">
        <v>2007</v>
      </c>
      <c r="D52" s="22">
        <v>1045</v>
      </c>
      <c r="E52" s="22">
        <v>962</v>
      </c>
      <c r="F52" s="22"/>
      <c r="G52" s="21" t="s">
        <v>100</v>
      </c>
      <c r="H52" s="20"/>
      <c r="I52" s="16">
        <v>763</v>
      </c>
      <c r="J52" s="22">
        <v>266</v>
      </c>
      <c r="K52" s="22">
        <v>497</v>
      </c>
    </row>
    <row r="53" spans="1:11" ht="20.100000000000001" customHeight="1">
      <c r="A53" s="20" t="s">
        <v>101</v>
      </c>
      <c r="B53" s="20"/>
      <c r="C53" s="16">
        <v>10313</v>
      </c>
      <c r="D53" s="17">
        <v>5226</v>
      </c>
      <c r="E53" s="17">
        <v>5087</v>
      </c>
      <c r="F53" s="17"/>
      <c r="G53" s="21" t="s">
        <v>102</v>
      </c>
      <c r="H53" s="20"/>
      <c r="I53" s="16">
        <v>2324</v>
      </c>
      <c r="J53" s="17">
        <v>711</v>
      </c>
      <c r="K53" s="17">
        <v>1613</v>
      </c>
    </row>
    <row r="54" spans="1:11" ht="15" customHeight="1">
      <c r="A54" s="20" t="s">
        <v>103</v>
      </c>
      <c r="B54" s="20"/>
      <c r="C54" s="16">
        <v>2013</v>
      </c>
      <c r="D54" s="22">
        <v>1040</v>
      </c>
      <c r="E54" s="22">
        <v>973</v>
      </c>
      <c r="F54" s="22"/>
      <c r="G54" s="21" t="s">
        <v>104</v>
      </c>
      <c r="H54" s="20"/>
      <c r="I54" s="16">
        <v>680</v>
      </c>
      <c r="J54" s="22">
        <v>233</v>
      </c>
      <c r="K54" s="22">
        <v>447</v>
      </c>
    </row>
    <row r="55" spans="1:11" ht="15" customHeight="1">
      <c r="A55" s="20" t="s">
        <v>105</v>
      </c>
      <c r="B55" s="20"/>
      <c r="C55" s="16">
        <v>1963</v>
      </c>
      <c r="D55" s="22">
        <v>961</v>
      </c>
      <c r="E55" s="22">
        <v>1002</v>
      </c>
      <c r="F55" s="22"/>
      <c r="G55" s="21" t="s">
        <v>106</v>
      </c>
      <c r="H55" s="20"/>
      <c r="I55" s="16">
        <v>585</v>
      </c>
      <c r="J55" s="22">
        <v>175</v>
      </c>
      <c r="K55" s="22">
        <v>410</v>
      </c>
    </row>
    <row r="56" spans="1:11" ht="15" customHeight="1">
      <c r="A56" s="20" t="s">
        <v>107</v>
      </c>
      <c r="B56" s="20"/>
      <c r="C56" s="16">
        <v>2097</v>
      </c>
      <c r="D56" s="22">
        <v>1073</v>
      </c>
      <c r="E56" s="22">
        <v>1024</v>
      </c>
      <c r="F56" s="22"/>
      <c r="G56" s="21" t="s">
        <v>108</v>
      </c>
      <c r="H56" s="20"/>
      <c r="I56" s="16">
        <v>404</v>
      </c>
      <c r="J56" s="22">
        <v>119</v>
      </c>
      <c r="K56" s="22">
        <v>285</v>
      </c>
    </row>
    <row r="57" spans="1:11" ht="15" customHeight="1">
      <c r="A57" s="20" t="s">
        <v>109</v>
      </c>
      <c r="B57" s="20"/>
      <c r="C57" s="16">
        <v>2060</v>
      </c>
      <c r="D57" s="22">
        <v>1062</v>
      </c>
      <c r="E57" s="22">
        <v>998</v>
      </c>
      <c r="F57" s="22"/>
      <c r="G57" s="21" t="s">
        <v>110</v>
      </c>
      <c r="H57" s="20"/>
      <c r="I57" s="16">
        <v>363</v>
      </c>
      <c r="J57" s="22">
        <v>104</v>
      </c>
      <c r="K57" s="22">
        <v>259</v>
      </c>
    </row>
    <row r="58" spans="1:11" ht="15" customHeight="1">
      <c r="A58" s="20" t="s">
        <v>111</v>
      </c>
      <c r="B58" s="20"/>
      <c r="C58" s="16">
        <v>2180</v>
      </c>
      <c r="D58" s="22">
        <v>1090</v>
      </c>
      <c r="E58" s="22">
        <v>1090</v>
      </c>
      <c r="F58" s="22"/>
      <c r="G58" s="21" t="s">
        <v>112</v>
      </c>
      <c r="H58" s="20"/>
      <c r="I58" s="16">
        <v>292</v>
      </c>
      <c r="J58" s="22">
        <v>80</v>
      </c>
      <c r="K58" s="22">
        <v>212</v>
      </c>
    </row>
    <row r="59" spans="1:11" ht="20.100000000000001" customHeight="1">
      <c r="A59" s="20" t="s">
        <v>113</v>
      </c>
      <c r="B59" s="20"/>
      <c r="C59" s="16">
        <v>12363</v>
      </c>
      <c r="D59" s="17">
        <v>6275</v>
      </c>
      <c r="E59" s="17">
        <v>6088</v>
      </c>
      <c r="F59" s="17"/>
      <c r="G59" s="21" t="s">
        <v>114</v>
      </c>
      <c r="H59" s="20"/>
      <c r="I59" s="16">
        <v>509</v>
      </c>
      <c r="J59" s="17">
        <v>114</v>
      </c>
      <c r="K59" s="17">
        <v>395</v>
      </c>
    </row>
    <row r="60" spans="1:11" ht="15" customHeight="1">
      <c r="A60" s="20" t="s">
        <v>115</v>
      </c>
      <c r="B60" s="20"/>
      <c r="C60" s="16">
        <v>2283</v>
      </c>
      <c r="D60" s="22">
        <v>1171</v>
      </c>
      <c r="E60" s="22">
        <v>1112</v>
      </c>
      <c r="F60" s="22"/>
      <c r="G60" s="21" t="s">
        <v>116</v>
      </c>
      <c r="H60" s="20"/>
      <c r="I60" s="16">
        <v>196</v>
      </c>
      <c r="J60" s="22">
        <v>42</v>
      </c>
      <c r="K60" s="22">
        <v>154</v>
      </c>
    </row>
    <row r="61" spans="1:11" ht="15" customHeight="1">
      <c r="A61" s="20" t="s">
        <v>117</v>
      </c>
      <c r="B61" s="20"/>
      <c r="C61" s="16">
        <v>2333</v>
      </c>
      <c r="D61" s="22">
        <v>1162</v>
      </c>
      <c r="E61" s="22">
        <v>1171</v>
      </c>
      <c r="F61" s="22"/>
      <c r="G61" s="21" t="s">
        <v>118</v>
      </c>
      <c r="H61" s="20"/>
      <c r="I61" s="16">
        <v>123</v>
      </c>
      <c r="J61" s="22">
        <v>33</v>
      </c>
      <c r="K61" s="22">
        <v>90</v>
      </c>
    </row>
    <row r="62" spans="1:11" ht="15" customHeight="1">
      <c r="A62" s="20" t="s">
        <v>119</v>
      </c>
      <c r="B62" s="20"/>
      <c r="C62" s="16">
        <v>2450</v>
      </c>
      <c r="D62" s="22">
        <v>1228</v>
      </c>
      <c r="E62" s="22">
        <v>1222</v>
      </c>
      <c r="F62" s="22"/>
      <c r="G62" s="21" t="s">
        <v>120</v>
      </c>
      <c r="H62" s="20"/>
      <c r="I62" s="16">
        <v>100</v>
      </c>
      <c r="J62" s="22">
        <v>14</v>
      </c>
      <c r="K62" s="22">
        <v>86</v>
      </c>
    </row>
    <row r="63" spans="1:11" ht="15" customHeight="1">
      <c r="A63" s="20" t="s">
        <v>121</v>
      </c>
      <c r="B63" s="20"/>
      <c r="C63" s="16">
        <v>2600</v>
      </c>
      <c r="D63" s="22">
        <v>1339</v>
      </c>
      <c r="E63" s="22">
        <v>1261</v>
      </c>
      <c r="F63" s="22"/>
      <c r="G63" s="21" t="s">
        <v>122</v>
      </c>
      <c r="H63" s="20"/>
      <c r="I63" s="16">
        <v>54</v>
      </c>
      <c r="J63" s="22">
        <v>13</v>
      </c>
      <c r="K63" s="22">
        <v>41</v>
      </c>
    </row>
    <row r="64" spans="1:11" ht="15" customHeight="1">
      <c r="A64" s="20" t="s">
        <v>123</v>
      </c>
      <c r="B64" s="20"/>
      <c r="C64" s="16">
        <v>2697</v>
      </c>
      <c r="D64" s="22">
        <v>1375</v>
      </c>
      <c r="E64" s="22">
        <v>1322</v>
      </c>
      <c r="F64" s="22"/>
      <c r="G64" s="21" t="s">
        <v>124</v>
      </c>
      <c r="H64" s="20"/>
      <c r="I64" s="16">
        <v>36</v>
      </c>
      <c r="J64" s="22">
        <v>12</v>
      </c>
      <c r="K64" s="22">
        <v>24</v>
      </c>
    </row>
    <row r="65" spans="1:11" ht="20.100000000000001" customHeight="1">
      <c r="C65" s="27"/>
      <c r="D65" s="26"/>
      <c r="E65" s="26"/>
      <c r="F65" s="26"/>
      <c r="G65" s="21" t="s">
        <v>125</v>
      </c>
      <c r="H65" s="20"/>
      <c r="I65" s="16">
        <v>54</v>
      </c>
      <c r="J65" s="22">
        <v>18</v>
      </c>
      <c r="K65" s="22">
        <v>36</v>
      </c>
    </row>
    <row r="66" spans="1:11" ht="20.100000000000001" customHeight="1">
      <c r="A66" s="10"/>
      <c r="B66" s="10"/>
      <c r="C66" s="28"/>
      <c r="D66" s="10"/>
      <c r="E66" s="10"/>
      <c r="F66" s="10"/>
      <c r="G66" s="29" t="s">
        <v>126</v>
      </c>
      <c r="H66" s="30"/>
      <c r="I66" s="31">
        <v>7167</v>
      </c>
      <c r="J66" s="32">
        <v>4155</v>
      </c>
      <c r="K66" s="32">
        <v>3012</v>
      </c>
    </row>
    <row r="67" spans="1:11">
      <c r="C67" s="26"/>
      <c r="D67" s="26"/>
      <c r="E67" s="26"/>
      <c r="F67" s="26"/>
      <c r="G67" s="26"/>
      <c r="H67" s="26"/>
      <c r="I67" s="26"/>
      <c r="J67" s="26"/>
      <c r="K67" s="26"/>
    </row>
    <row r="68" spans="1:11">
      <c r="F68" s="2"/>
      <c r="G68" s="26"/>
      <c r="H68" s="26"/>
      <c r="I68" s="26"/>
      <c r="J68" s="26"/>
      <c r="K68" s="26"/>
    </row>
    <row r="69" spans="1:11">
      <c r="F69" s="26"/>
      <c r="G69" s="26"/>
      <c r="H69" s="26"/>
      <c r="I69" s="26"/>
      <c r="J69" s="26"/>
      <c r="K69" s="26"/>
    </row>
    <row r="70" spans="1:11">
      <c r="F70" s="26"/>
      <c r="G70" s="26"/>
      <c r="H70" s="26"/>
      <c r="I70" s="26"/>
      <c r="J70" s="26"/>
      <c r="K70" s="26"/>
    </row>
    <row r="71" spans="1:11">
      <c r="F71" s="26"/>
      <c r="G71" s="26"/>
      <c r="H71" s="26"/>
      <c r="I71" s="26"/>
      <c r="J71" s="26"/>
      <c r="K71" s="26"/>
    </row>
    <row r="72" spans="1:11">
      <c r="F72" s="26"/>
      <c r="G72" s="26"/>
      <c r="H72" s="26"/>
      <c r="I72" s="26"/>
      <c r="J72" s="26"/>
      <c r="K72" s="26"/>
    </row>
    <row r="73" spans="1:11">
      <c r="F73" s="26"/>
      <c r="G73" s="26"/>
      <c r="H73" s="26"/>
      <c r="I73" s="26"/>
      <c r="J73" s="26"/>
      <c r="K73" s="26"/>
    </row>
    <row r="74" spans="1:11">
      <c r="G74" s="26"/>
      <c r="H74" s="26"/>
      <c r="I74" s="26"/>
      <c r="J74" s="26"/>
      <c r="K74" s="26"/>
    </row>
    <row r="75" spans="1:11">
      <c r="F75" s="25"/>
      <c r="G75" s="26"/>
      <c r="H75" s="26"/>
      <c r="I75" s="26"/>
      <c r="J75" s="26"/>
      <c r="K75" s="26"/>
    </row>
    <row r="76" spans="1:11">
      <c r="F76" s="26"/>
      <c r="G76" s="26"/>
      <c r="H76" s="26"/>
      <c r="I76" s="26"/>
      <c r="J76" s="26"/>
      <c r="K76" s="26"/>
    </row>
    <row r="77" spans="1:11">
      <c r="F77" s="26"/>
      <c r="G77" s="26"/>
      <c r="H77" s="26"/>
      <c r="I77" s="26"/>
      <c r="J77" s="26"/>
      <c r="K77" s="26"/>
    </row>
    <row r="78" spans="1:11">
      <c r="F78" s="26"/>
      <c r="G78" s="26"/>
      <c r="H78" s="26"/>
      <c r="I78" s="26"/>
      <c r="J78" s="26"/>
      <c r="K78" s="26"/>
    </row>
    <row r="79" spans="1:11">
      <c r="F79" s="26"/>
      <c r="G79" s="26"/>
      <c r="H79" s="26"/>
      <c r="I79" s="26"/>
      <c r="J79" s="26"/>
      <c r="K79" s="26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pageOrder="overThenDown" orientation="portrait" blackAndWhite="1" horizontalDpi="300" verticalDpi="300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6</vt:i4>
      </vt:variant>
      <vt:variant>
        <vt:lpstr>名前付き一覧</vt:lpstr>
      </vt:variant>
      <vt:variant>
        <vt:i4>66</vt:i4>
      </vt:variant>
    </vt:vector>
  </HeadingPairs>
  <TitlesOfParts>
    <vt:vector size="132" baseType="lpstr">
      <vt:lpstr>神奈川県</vt:lpstr>
      <vt:lpstr>横浜市</vt:lpstr>
      <vt:lpstr>鶴見区</vt:lpstr>
      <vt:lpstr>神奈川区</vt:lpstr>
      <vt:lpstr>西区</vt:lpstr>
      <vt:lpstr>中区</vt:lpstr>
      <vt:lpstr>南区</vt:lpstr>
      <vt:lpstr>保土ケ谷区</vt:lpstr>
      <vt:lpstr>磯子区</vt:lpstr>
      <vt:lpstr>金沢区</vt:lpstr>
      <vt:lpstr>港北区</vt:lpstr>
      <vt:lpstr>戸塚区</vt:lpstr>
      <vt:lpstr>港南区</vt:lpstr>
      <vt:lpstr>旭区</vt:lpstr>
      <vt:lpstr>緑区</vt:lpstr>
      <vt:lpstr>瀬谷区</vt:lpstr>
      <vt:lpstr>栄区</vt:lpstr>
      <vt:lpstr>泉区</vt:lpstr>
      <vt:lpstr>青葉区</vt:lpstr>
      <vt:lpstr>都筑区</vt:lpstr>
      <vt:lpstr>川崎市</vt:lpstr>
      <vt:lpstr>川崎区</vt:lpstr>
      <vt:lpstr>幸区</vt:lpstr>
      <vt:lpstr>中原区</vt:lpstr>
      <vt:lpstr>高津区</vt:lpstr>
      <vt:lpstr>多摩区</vt:lpstr>
      <vt:lpstr>宮前区</vt:lpstr>
      <vt:lpstr>麻生区</vt:lpstr>
      <vt:lpstr>横須賀三浦</vt:lpstr>
      <vt:lpstr>横須賀市</vt:lpstr>
      <vt:lpstr>鎌倉市</vt:lpstr>
      <vt:lpstr>逗子市</vt:lpstr>
      <vt:lpstr>三浦市</vt:lpstr>
      <vt:lpstr>葉山町</vt:lpstr>
      <vt:lpstr>県央</vt:lpstr>
      <vt:lpstr>相模原市</vt:lpstr>
      <vt:lpstr>緑区(相)</vt:lpstr>
      <vt:lpstr>中央区</vt:lpstr>
      <vt:lpstr>南区(相)</vt:lpstr>
      <vt:lpstr>厚木市</vt:lpstr>
      <vt:lpstr>大和市</vt:lpstr>
      <vt:lpstr>海老名市</vt:lpstr>
      <vt:lpstr>座間市</vt:lpstr>
      <vt:lpstr>綾瀬市</vt:lpstr>
      <vt:lpstr>愛川町</vt:lpstr>
      <vt:lpstr>清川村</vt:lpstr>
      <vt:lpstr>湘南</vt:lpstr>
      <vt:lpstr>平塚市</vt:lpstr>
      <vt:lpstr>藤沢市</vt:lpstr>
      <vt:lpstr>茅ヶ崎市</vt:lpstr>
      <vt:lpstr>秦野市</vt:lpstr>
      <vt:lpstr>伊勢原市</vt:lpstr>
      <vt:lpstr>寒川町</vt:lpstr>
      <vt:lpstr>大磯町</vt:lpstr>
      <vt:lpstr>二宮町</vt:lpstr>
      <vt:lpstr>県西</vt:lpstr>
      <vt:lpstr>小田原市</vt:lpstr>
      <vt:lpstr>南足柄市</vt:lpstr>
      <vt:lpstr>中井町</vt:lpstr>
      <vt:lpstr>大井町</vt:lpstr>
      <vt:lpstr>松田町</vt:lpstr>
      <vt:lpstr>山北町</vt:lpstr>
      <vt:lpstr>開成町</vt:lpstr>
      <vt:lpstr>箱根町</vt:lpstr>
      <vt:lpstr>真鶴町</vt:lpstr>
      <vt:lpstr>湯河原町</vt:lpstr>
      <vt:lpstr>愛川町!Print_Area</vt:lpstr>
      <vt:lpstr>旭区!Print_Area</vt:lpstr>
      <vt:lpstr>綾瀬市!Print_Area</vt:lpstr>
      <vt:lpstr>伊勢原市!Print_Area</vt:lpstr>
      <vt:lpstr>磯子区!Print_Area</vt:lpstr>
      <vt:lpstr>栄区!Print_Area</vt:lpstr>
      <vt:lpstr>横須賀三浦!Print_Area</vt:lpstr>
      <vt:lpstr>横須賀市!Print_Area</vt:lpstr>
      <vt:lpstr>横浜市!Print_Area</vt:lpstr>
      <vt:lpstr>海老名市!Print_Area</vt:lpstr>
      <vt:lpstr>開成町!Print_Area</vt:lpstr>
      <vt:lpstr>鎌倉市!Print_Area</vt:lpstr>
      <vt:lpstr>茅ヶ崎市!Print_Area</vt:lpstr>
      <vt:lpstr>寒川町!Print_Area</vt:lpstr>
      <vt:lpstr>宮前区!Print_Area</vt:lpstr>
      <vt:lpstr>金沢区!Print_Area</vt:lpstr>
      <vt:lpstr>県央!Print_Area</vt:lpstr>
      <vt:lpstr>県西!Print_Area</vt:lpstr>
      <vt:lpstr>戸塚区!Print_Area</vt:lpstr>
      <vt:lpstr>厚木市!Print_Area</vt:lpstr>
      <vt:lpstr>幸区!Print_Area</vt:lpstr>
      <vt:lpstr>港南区!Print_Area</vt:lpstr>
      <vt:lpstr>港北区!Print_Area</vt:lpstr>
      <vt:lpstr>高津区!Print_Area</vt:lpstr>
      <vt:lpstr>座間市!Print_Area</vt:lpstr>
      <vt:lpstr>三浦市!Print_Area</vt:lpstr>
      <vt:lpstr>山北町!Print_Area</vt:lpstr>
      <vt:lpstr>小田原市!Print_Area</vt:lpstr>
      <vt:lpstr>松田町!Print_Area</vt:lpstr>
      <vt:lpstr>湘南!Print_Area</vt:lpstr>
      <vt:lpstr>真鶴町!Print_Area</vt:lpstr>
      <vt:lpstr>神奈川区!Print_Area</vt:lpstr>
      <vt:lpstr>神奈川県!Print_Area</vt:lpstr>
      <vt:lpstr>秦野市!Print_Area</vt:lpstr>
      <vt:lpstr>逗子市!Print_Area</vt:lpstr>
      <vt:lpstr>瀬谷区!Print_Area</vt:lpstr>
      <vt:lpstr>清川村!Print_Area</vt:lpstr>
      <vt:lpstr>西区!Print_Area</vt:lpstr>
      <vt:lpstr>青葉区!Print_Area</vt:lpstr>
      <vt:lpstr>川崎区!Print_Area</vt:lpstr>
      <vt:lpstr>川崎市!Print_Area</vt:lpstr>
      <vt:lpstr>泉区!Print_Area</vt:lpstr>
      <vt:lpstr>相模原市!Print_Area</vt:lpstr>
      <vt:lpstr>多摩区!Print_Area</vt:lpstr>
      <vt:lpstr>大井町!Print_Area</vt:lpstr>
      <vt:lpstr>大磯町!Print_Area</vt:lpstr>
      <vt:lpstr>大和市!Print_Area</vt:lpstr>
      <vt:lpstr>中井町!Print_Area</vt:lpstr>
      <vt:lpstr>中央区!Print_Area</vt:lpstr>
      <vt:lpstr>中区!Print_Area</vt:lpstr>
      <vt:lpstr>中原区!Print_Area</vt:lpstr>
      <vt:lpstr>鶴見区!Print_Area</vt:lpstr>
      <vt:lpstr>都筑区!Print_Area</vt:lpstr>
      <vt:lpstr>湯河原町!Print_Area</vt:lpstr>
      <vt:lpstr>藤沢市!Print_Area</vt:lpstr>
      <vt:lpstr>南区!Print_Area</vt:lpstr>
      <vt:lpstr>'南区(相)'!Print_Area</vt:lpstr>
      <vt:lpstr>南足柄市!Print_Area</vt:lpstr>
      <vt:lpstr>二宮町!Print_Area</vt:lpstr>
      <vt:lpstr>箱根町!Print_Area</vt:lpstr>
      <vt:lpstr>平塚市!Print_Area</vt:lpstr>
      <vt:lpstr>保土ケ谷区!Print_Area</vt:lpstr>
      <vt:lpstr>麻生区!Print_Area</vt:lpstr>
      <vt:lpstr>葉山町!Print_Area</vt:lpstr>
      <vt:lpstr>緑区!Print_Area</vt:lpstr>
      <vt:lpstr>'緑区(相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神奈川県</dc:creator>
  <cp:keywords/>
  <dc:description/>
  <cp:lastModifiedBy>user</cp:lastModifiedBy>
  <cp:lastPrinted>2022-07-01T01:26:04Z</cp:lastPrinted>
  <dcterms:created xsi:type="dcterms:W3CDTF">1998-06-09T03:29:42Z</dcterms:created>
  <dcterms:modified xsi:type="dcterms:W3CDTF">2023-07-06T05:57:17Z</dcterms:modified>
</cp:coreProperties>
</file>